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3677220D" w14:textId="1117FE64" w:rsidR="001A2AAC" w:rsidRDefault="001A2AAC" w:rsidP="001A2AAC">
      <w:pPr>
        <w:jc w:val="center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Assig</w:t>
      </w:r>
      <w:r w:rsidR="00F65404">
        <w:rPr>
          <w:rFonts w:ascii="Times New Roman" w:hAnsi="Times New Roman" w:cs="Times New Roman" w:hint="eastAsia"/>
        </w:rPr>
        <w:t>n</w:t>
      </w:r>
      <w:r>
        <w:rPr>
          <w:rFonts w:ascii="Times New Roman" w:hAnsi="Times New Roman" w:cs="Times New Roman"/>
        </w:rPr>
        <w:t>ment #</w:t>
      </w:r>
      <w:r w:rsidR="00F55361">
        <w:rPr>
          <w:rFonts w:ascii="Times New Roman" w:hAnsi="Times New Roman" w:cs="Times New Roman" w:hint="eastAsia"/>
        </w:rPr>
        <w:t>1</w:t>
      </w:r>
    </w:p>
    <w:p w14:paraId="524B0116" w14:textId="207623D7" w:rsidR="00F55361" w:rsidRDefault="00F55361" w:rsidP="001A2AAC">
      <w:pPr>
        <w:jc w:val="center"/>
        <w:rPr>
          <w:rFonts w:ascii="Times New Roman" w:hAnsi="Times New Roman" w:cs="Times New Roman"/>
        </w:rPr>
      </w:pPr>
      <w:r>
        <w:rPr>
          <w:rFonts w:ascii="Times New Roman" w:hAnsi="Times New Roman" w:cs="Times New Roman" w:hint="eastAsia"/>
        </w:rPr>
        <w:t>通訊三</w:t>
      </w:r>
      <w:r>
        <w:rPr>
          <w:rFonts w:ascii="Times New Roman" w:hAnsi="Times New Roman" w:cs="Times New Roman" w:hint="eastAsia"/>
        </w:rPr>
        <w:t xml:space="preserve"> 1</w:t>
      </w:r>
      <w:r>
        <w:rPr>
          <w:rFonts w:ascii="Times New Roman" w:hAnsi="Times New Roman" w:cs="Times New Roman"/>
        </w:rPr>
        <w:t>09503510</w:t>
      </w:r>
      <w:r>
        <w:rPr>
          <w:rFonts w:ascii="Times New Roman" w:hAnsi="Times New Roman" w:cs="Times New Roman" w:hint="eastAsia"/>
        </w:rPr>
        <w:t xml:space="preserve"> </w:t>
      </w:r>
      <w:r>
        <w:rPr>
          <w:rFonts w:ascii="Times New Roman" w:hAnsi="Times New Roman" w:cs="Times New Roman" w:hint="eastAsia"/>
        </w:rPr>
        <w:t>龍芃如</w:t>
      </w:r>
    </w:p>
    <w:p w14:paraId="044A1C3E" w14:textId="2A2A2056" w:rsidR="001A2AAC" w:rsidRDefault="001A2AAC" w:rsidP="001A2AAC">
      <w:pPr>
        <w:jc w:val="center"/>
        <w:rPr>
          <w:rFonts w:ascii="Times New Roman" w:hAnsi="Times New Roman" w:cs="Times New Roman"/>
        </w:rPr>
      </w:pPr>
    </w:p>
    <w:p w14:paraId="6CD7744B" w14:textId="5D1C505C" w:rsidR="001A2AAC" w:rsidRPr="00E72C48" w:rsidRDefault="001A2AAC" w:rsidP="001A2AAC">
      <w:pPr>
        <w:pStyle w:val="a3"/>
        <w:numPr>
          <w:ilvl w:val="0"/>
          <w:numId w:val="1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 w:hint="eastAsia"/>
        </w:rPr>
        <w:t>編譯結果</w:t>
      </w:r>
    </w:p>
    <w:p w14:paraId="45101C77" w14:textId="77777777" w:rsidR="00BA622B" w:rsidRDefault="00BA622B" w:rsidP="001A2AAC">
      <w:pPr>
        <w:rPr>
          <w:rFonts w:ascii="Times New Roman" w:hAnsi="Times New Roman" w:cs="Times New Roman" w:hint="eastAsia"/>
          <w:noProof/>
        </w:rPr>
      </w:pPr>
    </w:p>
    <w:p w14:paraId="08637E2D" w14:textId="449FE48F" w:rsidR="001A2AAC" w:rsidRDefault="00E72C48" w:rsidP="001A2AAC">
      <w:pPr>
        <w:rPr>
          <w:rFonts w:ascii="Times New Roman" w:hAnsi="Times New Roman" w:cs="Times New Roman"/>
        </w:rPr>
      </w:pPr>
      <w:r w:rsidRPr="00E72C48">
        <w:rPr>
          <w:rFonts w:ascii="Times New Roman" w:hAnsi="Times New Roman" w:cs="Times New Roman"/>
          <w:noProof/>
        </w:rPr>
        <w:drawing>
          <wp:inline distT="0" distB="0" distL="0" distR="0" wp14:anchorId="2D398CE3" wp14:editId="03072841">
            <wp:extent cx="6377940" cy="411446"/>
            <wp:effectExtent l="0" t="0" r="0" b="8255"/>
            <wp:docPr id="1" name="圖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5"/>
                    <a:srcRect t="84810" r="2835" b="4304"/>
                    <a:stretch/>
                  </pic:blipFill>
                  <pic:spPr bwMode="auto">
                    <a:xfrm>
                      <a:off x="0" y="0"/>
                      <a:ext cx="6597004" cy="42557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D921164" w14:textId="77777777" w:rsidR="001A2AAC" w:rsidRPr="001A2AAC" w:rsidRDefault="001A2AAC" w:rsidP="001A2AAC">
      <w:pPr>
        <w:rPr>
          <w:rFonts w:ascii="Times New Roman" w:hAnsi="Times New Roman" w:cs="Times New Roman"/>
        </w:rPr>
      </w:pPr>
    </w:p>
    <w:p w14:paraId="065506E7" w14:textId="60D1A99E" w:rsidR="001A2AAC" w:rsidRPr="00BA622B" w:rsidRDefault="001A2AAC" w:rsidP="008748B1">
      <w:pPr>
        <w:pStyle w:val="a3"/>
        <w:numPr>
          <w:ilvl w:val="0"/>
          <w:numId w:val="1"/>
        </w:numPr>
        <w:rPr>
          <w:rFonts w:ascii="Times New Roman" w:hAnsi="Times New Roman" w:cs="Times New Roman" w:hint="eastAsia"/>
        </w:rPr>
      </w:pPr>
      <w:r>
        <w:rPr>
          <w:rFonts w:ascii="Times New Roman" w:hAnsi="Times New Roman" w:cs="Times New Roman" w:hint="eastAsia"/>
        </w:rPr>
        <w:t>執行結果</w:t>
      </w:r>
    </w:p>
    <w:p w14:paraId="25602743" w14:textId="77777777" w:rsidR="00BA622B" w:rsidRDefault="00BA622B" w:rsidP="001A2AAC">
      <w:pPr>
        <w:rPr>
          <w:rFonts w:ascii="Times New Roman" w:hAnsi="Times New Roman" w:cs="Times New Roman"/>
        </w:rPr>
      </w:pPr>
    </w:p>
    <w:p w14:paraId="1C47B770" w14:textId="68231817" w:rsidR="001A2AAC" w:rsidRDefault="00BA622B" w:rsidP="001A2AAC">
      <w:pPr>
        <w:rPr>
          <w:rFonts w:ascii="Times New Roman" w:hAnsi="Times New Roman" w:cs="Times New Roman"/>
        </w:rPr>
      </w:pPr>
      <w:r w:rsidRPr="00BA622B">
        <w:rPr>
          <w:rFonts w:ascii="Times New Roman" w:hAnsi="Times New Roman" w:cs="Times New Roman"/>
        </w:rPr>
        <w:drawing>
          <wp:inline distT="0" distB="0" distL="0" distR="0" wp14:anchorId="077FD115" wp14:editId="31CEDDE3">
            <wp:extent cx="6499860" cy="2666814"/>
            <wp:effectExtent l="0" t="0" r="0" b="635"/>
            <wp:docPr id="4" name="圖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6"/>
                    <a:srcRect r="2325"/>
                    <a:stretch/>
                  </pic:blipFill>
                  <pic:spPr bwMode="auto">
                    <a:xfrm>
                      <a:off x="0" y="0"/>
                      <a:ext cx="6525866" cy="2677484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8C206FE" w14:textId="77777777" w:rsidR="00E72C48" w:rsidRPr="001A2AAC" w:rsidRDefault="00E72C48" w:rsidP="001A2AAC">
      <w:pPr>
        <w:rPr>
          <w:rFonts w:ascii="Times New Roman" w:hAnsi="Times New Roman" w:cs="Times New Roman"/>
        </w:rPr>
      </w:pPr>
    </w:p>
    <w:p w14:paraId="72C345FA" w14:textId="62D978BA" w:rsidR="001A2AAC" w:rsidRDefault="001A2AAC" w:rsidP="001A2AAC">
      <w:pPr>
        <w:pStyle w:val="a3"/>
        <w:numPr>
          <w:ilvl w:val="0"/>
          <w:numId w:val="1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 w:hint="eastAsia"/>
        </w:rPr>
        <w:t>分析</w:t>
      </w:r>
    </w:p>
    <w:p w14:paraId="66E0477A" w14:textId="776E319F" w:rsidR="001A2AAC" w:rsidRDefault="00486E09" w:rsidP="00486E09">
      <w:pPr>
        <w:ind w:firstLine="360"/>
        <w:rPr>
          <w:rFonts w:ascii="Times New Roman" w:hAnsi="Times New Roman" w:cs="Times New Roman"/>
        </w:rPr>
      </w:pPr>
      <w:r>
        <w:rPr>
          <w:rFonts w:ascii="Times New Roman" w:hAnsi="Times New Roman" w:cs="Times New Roman" w:hint="eastAsia"/>
        </w:rPr>
        <w:t>用</w:t>
      </w:r>
      <w:r>
        <w:rPr>
          <w:rFonts w:ascii="Times New Roman" w:hAnsi="Times New Roman" w:cs="Times New Roman" w:hint="eastAsia"/>
        </w:rPr>
        <w:t>M</w:t>
      </w:r>
      <w:r>
        <w:rPr>
          <w:rFonts w:ascii="Times New Roman" w:hAnsi="Times New Roman" w:cs="Times New Roman"/>
        </w:rPr>
        <w:t xml:space="preserve">ean-Square Error </w:t>
      </w:r>
      <w:r>
        <w:rPr>
          <w:rFonts w:ascii="Times New Roman" w:hAnsi="Times New Roman" w:cs="Times New Roman" w:hint="eastAsia"/>
        </w:rPr>
        <w:t>計算</w:t>
      </w:r>
      <w:r>
        <w:rPr>
          <w:rFonts w:ascii="Times New Roman" w:hAnsi="Times New Roman" w:cs="Times New Roman" w:hint="eastAsia"/>
        </w:rPr>
        <w:t>e</w:t>
      </w:r>
      <w:r>
        <w:rPr>
          <w:rFonts w:ascii="Times New Roman" w:hAnsi="Times New Roman" w:cs="Times New Roman"/>
        </w:rPr>
        <w:t>rror function</w:t>
      </w:r>
      <w:r w:rsidR="00714EE5">
        <w:rPr>
          <w:rFonts w:ascii="Times New Roman" w:hAnsi="Times New Roman" w:cs="Times New Roman" w:hint="eastAsia"/>
        </w:rPr>
        <w:t>，每</w:t>
      </w:r>
      <w:r w:rsidR="00714EE5">
        <w:rPr>
          <w:rFonts w:ascii="Times New Roman" w:hAnsi="Times New Roman" w:cs="Times New Roman" w:hint="eastAsia"/>
        </w:rPr>
        <w:t>1</w:t>
      </w:r>
      <w:r w:rsidR="00714EE5">
        <w:rPr>
          <w:rFonts w:ascii="Times New Roman" w:hAnsi="Times New Roman" w:cs="Times New Roman"/>
        </w:rPr>
        <w:t>0</w:t>
      </w:r>
      <w:r w:rsidR="00714EE5">
        <w:rPr>
          <w:rFonts w:ascii="Times New Roman" w:hAnsi="Times New Roman" w:cs="Times New Roman" w:hint="eastAsia"/>
        </w:rPr>
        <w:t>個</w:t>
      </w:r>
      <w:r w:rsidR="00714EE5">
        <w:rPr>
          <w:rFonts w:ascii="Times New Roman" w:hAnsi="Times New Roman" w:cs="Times New Roman"/>
        </w:rPr>
        <w:t>epoch</w:t>
      </w:r>
      <w:r w:rsidR="00714EE5">
        <w:rPr>
          <w:rFonts w:ascii="Times New Roman" w:hAnsi="Times New Roman" w:cs="Times New Roman" w:hint="eastAsia"/>
        </w:rPr>
        <w:t>計算一個值，用</w:t>
      </w:r>
      <w:r w:rsidR="00714EE5">
        <w:rPr>
          <w:rFonts w:ascii="Times New Roman" w:hAnsi="Times New Roman" w:cs="Times New Roman" w:hint="eastAsia"/>
        </w:rPr>
        <w:t>excel</w:t>
      </w:r>
      <w:r w:rsidR="00714EE5">
        <w:rPr>
          <w:rFonts w:ascii="Times New Roman" w:hAnsi="Times New Roman" w:cs="Times New Roman" w:hint="eastAsia"/>
        </w:rPr>
        <w:t>畫出圖表，</w:t>
      </w:r>
      <w:r w:rsidR="00486E13">
        <w:rPr>
          <w:rFonts w:ascii="Times New Roman" w:hAnsi="Times New Roman" w:cs="Times New Roman" w:hint="eastAsia"/>
        </w:rPr>
        <w:t>可以看出在前段的</w:t>
      </w:r>
      <w:r w:rsidR="00486E13">
        <w:rPr>
          <w:rFonts w:ascii="Times New Roman" w:hAnsi="Times New Roman" w:cs="Times New Roman" w:hint="eastAsia"/>
        </w:rPr>
        <w:t>loss</w:t>
      </w:r>
      <w:r w:rsidR="00486E13">
        <w:rPr>
          <w:rFonts w:ascii="Times New Roman" w:hAnsi="Times New Roman" w:cs="Times New Roman" w:hint="eastAsia"/>
        </w:rPr>
        <w:t>下降速度很快，</w:t>
      </w:r>
      <w:r w:rsidR="00BB256C">
        <w:rPr>
          <w:rFonts w:ascii="Times New Roman" w:hAnsi="Times New Roman" w:cs="Times New Roman" w:hint="eastAsia"/>
        </w:rPr>
        <w:t>有一小段</w:t>
      </w:r>
      <w:r w:rsidR="00486E13">
        <w:rPr>
          <w:rFonts w:ascii="Times New Roman" w:hAnsi="Times New Roman" w:cs="Times New Roman" w:hint="eastAsia"/>
        </w:rPr>
        <w:t>的</w:t>
      </w:r>
      <w:r w:rsidR="00486E13">
        <w:rPr>
          <w:rFonts w:ascii="Times New Roman" w:hAnsi="Times New Roman" w:cs="Times New Roman" w:hint="eastAsia"/>
        </w:rPr>
        <w:t>l</w:t>
      </w:r>
      <w:r w:rsidR="00486E13">
        <w:rPr>
          <w:rFonts w:ascii="Times New Roman" w:hAnsi="Times New Roman" w:cs="Times New Roman"/>
        </w:rPr>
        <w:t>oss</w:t>
      </w:r>
      <w:r w:rsidR="00486E13">
        <w:rPr>
          <w:rFonts w:ascii="Times New Roman" w:hAnsi="Times New Roman" w:cs="Times New Roman" w:hint="eastAsia"/>
        </w:rPr>
        <w:t>幾乎沒有變動，</w:t>
      </w:r>
      <w:r w:rsidR="00BB256C">
        <w:rPr>
          <w:rFonts w:ascii="Times New Roman" w:hAnsi="Times New Roman" w:cs="Times New Roman" w:hint="eastAsia"/>
        </w:rPr>
        <w:t>之後才</w:t>
      </w:r>
      <w:r w:rsidR="00486E13">
        <w:rPr>
          <w:rFonts w:ascii="Times New Roman" w:hAnsi="Times New Roman" w:cs="Times New Roman" w:hint="eastAsia"/>
        </w:rPr>
        <w:t>慢慢下降</w:t>
      </w:r>
      <w:r w:rsidR="00BB256C">
        <w:rPr>
          <w:rFonts w:ascii="Times New Roman" w:hAnsi="Times New Roman" w:cs="Times New Roman" w:hint="eastAsia"/>
        </w:rPr>
        <w:t>，收斂到</w:t>
      </w:r>
      <w:r w:rsidR="00486E13">
        <w:rPr>
          <w:rFonts w:ascii="Times New Roman" w:hAnsi="Times New Roman" w:cs="Times New Roman" w:hint="eastAsia"/>
        </w:rPr>
        <w:t>0</w:t>
      </w:r>
      <w:r w:rsidR="00486E13">
        <w:rPr>
          <w:rFonts w:ascii="Times New Roman" w:hAnsi="Times New Roman" w:cs="Times New Roman"/>
        </w:rPr>
        <w:t>.</w:t>
      </w:r>
      <w:r w:rsidR="00BB256C">
        <w:rPr>
          <w:rFonts w:ascii="Times New Roman" w:hAnsi="Times New Roman" w:cs="Times New Roman" w:hint="eastAsia"/>
        </w:rPr>
        <w:t>0</w:t>
      </w:r>
      <w:r w:rsidR="00BB256C">
        <w:rPr>
          <w:rFonts w:ascii="Times New Roman" w:hAnsi="Times New Roman" w:cs="Times New Roman"/>
        </w:rPr>
        <w:t>5</w:t>
      </w:r>
      <w:r w:rsidR="00486E13">
        <w:rPr>
          <w:rFonts w:ascii="Times New Roman" w:hAnsi="Times New Roman" w:cs="Times New Roman" w:hint="eastAsia"/>
        </w:rPr>
        <w:t>左右。</w:t>
      </w:r>
    </w:p>
    <w:p w14:paraId="527FF753" w14:textId="65CEA59D" w:rsidR="00714EE5" w:rsidRDefault="00714EE5" w:rsidP="00486E09">
      <w:pPr>
        <w:ind w:firstLine="360"/>
        <w:rPr>
          <w:rFonts w:ascii="Times New Roman" w:hAnsi="Times New Roman" w:cs="Times New Roman"/>
        </w:rPr>
      </w:pPr>
    </w:p>
    <w:p w14:paraId="10958960" w14:textId="519BDED1" w:rsidR="00BB256C" w:rsidRDefault="00BB256C" w:rsidP="00486E09">
      <w:pPr>
        <w:ind w:firstLine="360"/>
        <w:rPr>
          <w:rFonts w:ascii="Times New Roman" w:hAnsi="Times New Roman" w:cs="Times New Roman"/>
        </w:rPr>
      </w:pPr>
      <w:r>
        <w:rPr>
          <w:noProof/>
        </w:rPr>
        <w:lastRenderedPageBreak/>
        <w:drawing>
          <wp:inline distT="0" distB="0" distL="0" distR="0" wp14:anchorId="4AA71256" wp14:editId="06775279">
            <wp:extent cx="4572000" cy="2743200"/>
            <wp:effectExtent l="0" t="0" r="0" b="0"/>
            <wp:docPr id="2" name="圖表 2">
              <a:extLst xmlns:a="http://schemas.openxmlformats.org/drawingml/2006/main">
                <a:ext uri="{FF2B5EF4-FFF2-40B4-BE49-F238E27FC236}">
                  <a16:creationId xmlns:a16="http://schemas.microsoft.com/office/drawing/2014/main" id="{C1609035-673F-4E7D-8D15-04269745536B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7"/>
              </a:graphicData>
            </a:graphic>
          </wp:inline>
        </w:drawing>
      </w:r>
    </w:p>
    <w:p w14:paraId="63BFE099" w14:textId="77777777" w:rsidR="007F4730" w:rsidRDefault="007F4730" w:rsidP="00486E09">
      <w:pPr>
        <w:ind w:firstLine="360"/>
        <w:rPr>
          <w:rFonts w:ascii="Times New Roman" w:hAnsi="Times New Roman" w:cs="Times New Roman"/>
        </w:rPr>
      </w:pPr>
    </w:p>
    <w:p w14:paraId="48EC9AA7" w14:textId="76B26A89" w:rsidR="001A2AAC" w:rsidRDefault="00F55361" w:rsidP="00F55361">
      <w:pPr>
        <w:pStyle w:val="a3"/>
        <w:numPr>
          <w:ilvl w:val="0"/>
          <w:numId w:val="1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 w:hint="eastAsia"/>
        </w:rPr>
        <w:t>遇到的問題</w:t>
      </w:r>
    </w:p>
    <w:p w14:paraId="487D1166" w14:textId="54F1CFC5" w:rsidR="00F55361" w:rsidRDefault="00F55361" w:rsidP="00F55361">
      <w:pPr>
        <w:pStyle w:val="a3"/>
        <w:numPr>
          <w:ilvl w:val="1"/>
          <w:numId w:val="1"/>
        </w:numPr>
        <w:shd w:val="clear" w:color="auto" w:fill="FFFFFF"/>
        <w:spacing w:line="285" w:lineRule="atLeast"/>
        <w:rPr>
          <w:rFonts w:ascii="Consolas" w:eastAsia="新細明體" w:hAnsi="Consolas" w:cs="新細明體"/>
          <w:color w:val="000000"/>
          <w:sz w:val="21"/>
          <w:szCs w:val="21"/>
        </w:rPr>
      </w:pPr>
      <w:r w:rsidRPr="00F55361">
        <w:rPr>
          <w:rFonts w:ascii="Times New Roman" w:hAnsi="Times New Roman" w:cs="Times New Roman" w:hint="eastAsia"/>
        </w:rPr>
        <w:t>一開始使用</w:t>
      </w:r>
      <w:proofErr w:type="spellStart"/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>gcc</w:t>
      </w:r>
      <w:proofErr w:type="spellEnd"/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 xml:space="preserve"> -o main </w:t>
      </w:r>
      <w:proofErr w:type="spellStart"/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>main.c</w:t>
      </w:r>
      <w:proofErr w:type="spellEnd"/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 xml:space="preserve"> </w:t>
      </w:r>
      <w:proofErr w:type="spellStart"/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>func.h</w:t>
      </w:r>
      <w:proofErr w:type="spellEnd"/>
      <w:r w:rsidRPr="00F55361">
        <w:rPr>
          <w:rFonts w:ascii="Consolas" w:eastAsia="新細明體" w:hAnsi="Consolas" w:cs="新細明體" w:hint="eastAsia"/>
          <w:color w:val="000000"/>
          <w:sz w:val="21"/>
          <w:szCs w:val="21"/>
        </w:rPr>
        <w:t>的時候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，會一直跳出</w:t>
      </w:r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>undefined reference to `exp'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，已經加上</w:t>
      </w:r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>#include &lt;</w:t>
      </w:r>
      <w:proofErr w:type="spellStart"/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>math.h</w:t>
      </w:r>
      <w:proofErr w:type="spellEnd"/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>&gt;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還是有一樣的問題，之後是上網查，發現在程式碼後面加上</w:t>
      </w:r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>-</w:t>
      </w:r>
      <w:proofErr w:type="spellStart"/>
      <w:r w:rsidRPr="00F55361">
        <w:rPr>
          <w:rFonts w:ascii="Consolas" w:eastAsia="新細明體" w:hAnsi="Consolas" w:cs="新細明體"/>
          <w:color w:val="000000"/>
          <w:sz w:val="21"/>
          <w:szCs w:val="21"/>
        </w:rPr>
        <w:t>lm</w:t>
      </w:r>
      <w:proofErr w:type="spellEnd"/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，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l</w:t>
      </w:r>
      <w:r>
        <w:rPr>
          <w:rFonts w:ascii="Consolas" w:eastAsia="新細明體" w:hAnsi="Consolas" w:cs="新細明體"/>
          <w:color w:val="000000"/>
          <w:sz w:val="21"/>
          <w:szCs w:val="21"/>
        </w:rPr>
        <w:t>ink</w:t>
      </w:r>
      <w:r w:rsidR="00C904B0">
        <w:rPr>
          <w:rFonts w:ascii="Consolas" w:eastAsia="新細明體" w:hAnsi="Consolas" w:cs="新細明體" w:hint="eastAsia"/>
          <w:color w:val="000000"/>
          <w:sz w:val="21"/>
          <w:szCs w:val="21"/>
        </w:rPr>
        <w:t>到</w:t>
      </w:r>
      <w:r w:rsidR="00C904B0">
        <w:rPr>
          <w:rFonts w:ascii="Consolas" w:eastAsia="新細明體" w:hAnsi="Consolas" w:cs="新細明體" w:hint="eastAsia"/>
          <w:color w:val="000000"/>
          <w:sz w:val="21"/>
          <w:szCs w:val="21"/>
        </w:rPr>
        <w:t>math library</w:t>
      </w:r>
      <w:r w:rsidR="00C904B0">
        <w:rPr>
          <w:rFonts w:ascii="Consolas" w:eastAsia="新細明體" w:hAnsi="Consolas" w:cs="新細明體" w:hint="eastAsia"/>
          <w:color w:val="000000"/>
          <w:sz w:val="21"/>
          <w:szCs w:val="21"/>
        </w:rPr>
        <w:t>，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就可以成功編譯。</w:t>
      </w:r>
    </w:p>
    <w:p w14:paraId="5BBC93C1" w14:textId="60011121" w:rsidR="00486E13" w:rsidRDefault="009038CA" w:rsidP="00486E13">
      <w:pPr>
        <w:pStyle w:val="a3"/>
        <w:numPr>
          <w:ilvl w:val="1"/>
          <w:numId w:val="1"/>
        </w:numPr>
        <w:shd w:val="clear" w:color="auto" w:fill="FFFFFF"/>
        <w:spacing w:line="285" w:lineRule="atLeast"/>
        <w:rPr>
          <w:rFonts w:ascii="Consolas" w:eastAsia="新細明體" w:hAnsi="Consolas" w:cs="新細明體"/>
          <w:color w:val="000000"/>
          <w:sz w:val="21"/>
          <w:szCs w:val="21"/>
        </w:rPr>
      </w:pP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不知道如何用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p</w:t>
      </w:r>
      <w:r>
        <w:rPr>
          <w:rFonts w:ascii="Consolas" w:eastAsia="新細明體" w:hAnsi="Consolas" w:cs="新細明體"/>
          <w:color w:val="000000"/>
          <w:sz w:val="21"/>
          <w:szCs w:val="21"/>
        </w:rPr>
        <w:t>ointer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的方式傳遞二維陣列，花了一些時間上網查詢如何使用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p</w:t>
      </w:r>
      <w:r>
        <w:rPr>
          <w:rFonts w:ascii="Consolas" w:eastAsia="新細明體" w:hAnsi="Consolas" w:cs="新細明體"/>
          <w:color w:val="000000"/>
          <w:sz w:val="21"/>
          <w:szCs w:val="21"/>
        </w:rPr>
        <w:t>ointer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對函式傳遞二維陣列。</w:t>
      </w:r>
      <w:bookmarkStart w:id="0" w:name="_GoBack"/>
      <w:bookmarkEnd w:id="0"/>
    </w:p>
    <w:p w14:paraId="26071AE1" w14:textId="6A4CD6EE" w:rsidR="00413F79" w:rsidRDefault="004A3B31" w:rsidP="00413F79">
      <w:pPr>
        <w:pStyle w:val="a3"/>
        <w:numPr>
          <w:ilvl w:val="1"/>
          <w:numId w:val="1"/>
        </w:numPr>
        <w:shd w:val="clear" w:color="auto" w:fill="FFFFFF"/>
        <w:spacing w:line="285" w:lineRule="atLeast"/>
        <w:rPr>
          <w:rFonts w:ascii="Consolas" w:eastAsia="新細明體" w:hAnsi="Consolas" w:cs="新細明體"/>
          <w:color w:val="000000"/>
          <w:sz w:val="21"/>
          <w:szCs w:val="21"/>
        </w:rPr>
      </w:pP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在做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3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個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bit</w:t>
      </w:r>
      <w:r>
        <w:rPr>
          <w:rFonts w:ascii="Consolas" w:eastAsia="新細明體" w:hAnsi="Consolas" w:cs="新細明體"/>
          <w:color w:val="000000"/>
          <w:sz w:val="21"/>
          <w:szCs w:val="21"/>
        </w:rPr>
        <w:t>s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判斷的時候</w:t>
      </w:r>
      <w:r w:rsidR="00413F79">
        <w:rPr>
          <w:rFonts w:ascii="Consolas" w:eastAsia="新細明體" w:hAnsi="Consolas" w:cs="新細明體" w:hint="eastAsia"/>
          <w:color w:val="000000"/>
          <w:sz w:val="21"/>
          <w:szCs w:val="21"/>
        </w:rPr>
        <w:t>，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為了讓輸出正確且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l</w:t>
      </w:r>
      <w:r>
        <w:rPr>
          <w:rFonts w:ascii="Consolas" w:eastAsia="新細明體" w:hAnsi="Consolas" w:cs="新細明體"/>
          <w:color w:val="000000"/>
          <w:sz w:val="21"/>
          <w:szCs w:val="21"/>
        </w:rPr>
        <w:t>oss</w:t>
      </w: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變小，</w:t>
      </w:r>
      <w:r w:rsidR="00413F79">
        <w:rPr>
          <w:rFonts w:ascii="Consolas" w:eastAsia="新細明體" w:hAnsi="Consolas" w:cs="新細明體" w:hint="eastAsia"/>
          <w:color w:val="000000"/>
          <w:sz w:val="21"/>
          <w:szCs w:val="21"/>
        </w:rPr>
        <w:t>改過</w:t>
      </w:r>
      <w:r w:rsidR="00413F79">
        <w:rPr>
          <w:rFonts w:ascii="Consolas" w:eastAsia="新細明體" w:hAnsi="Consolas" w:cs="新細明體" w:hint="eastAsia"/>
          <w:color w:val="000000"/>
          <w:sz w:val="21"/>
          <w:szCs w:val="21"/>
        </w:rPr>
        <w:t>learning rate</w:t>
      </w:r>
      <w:r w:rsidR="00413F79">
        <w:rPr>
          <w:rFonts w:ascii="Consolas" w:eastAsia="新細明體" w:hAnsi="Consolas" w:cs="新細明體" w:hint="eastAsia"/>
          <w:color w:val="000000"/>
          <w:sz w:val="21"/>
          <w:szCs w:val="21"/>
        </w:rPr>
        <w:t>，也有試過</w:t>
      </w:r>
      <w:proofErr w:type="spellStart"/>
      <w:r w:rsidR="00413F79">
        <w:rPr>
          <w:rFonts w:ascii="Consolas" w:eastAsia="新細明體" w:hAnsi="Consolas" w:cs="新細明體"/>
          <w:color w:val="000000"/>
          <w:sz w:val="21"/>
          <w:szCs w:val="21"/>
        </w:rPr>
        <w:t>adagrad</w:t>
      </w:r>
      <w:proofErr w:type="spellEnd"/>
      <w:r w:rsidR="00413F79">
        <w:rPr>
          <w:rFonts w:ascii="Consolas" w:eastAsia="新細明體" w:hAnsi="Consolas" w:cs="新細明體" w:hint="eastAsia"/>
          <w:color w:val="000000"/>
          <w:sz w:val="21"/>
          <w:szCs w:val="21"/>
        </w:rPr>
        <w:t>，但</w:t>
      </w:r>
      <w:r w:rsidR="00364E89">
        <w:rPr>
          <w:rFonts w:ascii="Consolas" w:eastAsia="新細明體" w:hAnsi="Consolas" w:cs="新細明體" w:hint="eastAsia"/>
          <w:color w:val="000000"/>
          <w:sz w:val="21"/>
          <w:szCs w:val="21"/>
        </w:rPr>
        <w:t>成效不佳，</w:t>
      </w:r>
      <w:r w:rsidR="00413F79">
        <w:rPr>
          <w:rFonts w:ascii="Consolas" w:eastAsia="新細明體" w:hAnsi="Consolas" w:cs="新細明體" w:hint="eastAsia"/>
          <w:color w:val="000000"/>
          <w:sz w:val="21"/>
          <w:szCs w:val="21"/>
        </w:rPr>
        <w:t>目前的方法</w:t>
      </w:r>
      <w:r w:rsidR="004D7C40">
        <w:rPr>
          <w:rFonts w:ascii="Consolas" w:eastAsia="新細明體" w:hAnsi="Consolas" w:cs="新細明體" w:hint="eastAsia"/>
          <w:color w:val="000000"/>
          <w:sz w:val="21"/>
          <w:szCs w:val="21"/>
        </w:rPr>
        <w:t>是</w:t>
      </w:r>
      <w:r w:rsidR="00364E89">
        <w:rPr>
          <w:rFonts w:ascii="Consolas" w:eastAsia="新細明體" w:hAnsi="Consolas" w:cs="新細明體" w:hint="eastAsia"/>
          <w:color w:val="000000"/>
          <w:sz w:val="21"/>
          <w:szCs w:val="21"/>
        </w:rPr>
        <w:t>調</w:t>
      </w:r>
      <w:r w:rsidR="00BB256C">
        <w:rPr>
          <w:rFonts w:ascii="Consolas" w:eastAsia="新細明體" w:hAnsi="Consolas" w:cs="新細明體" w:hint="eastAsia"/>
          <w:color w:val="000000"/>
          <w:sz w:val="21"/>
          <w:szCs w:val="21"/>
        </w:rPr>
        <w:t>整</w:t>
      </w:r>
      <w:r w:rsidR="00364E89">
        <w:rPr>
          <w:rFonts w:ascii="Consolas" w:eastAsia="新細明體" w:hAnsi="Consolas" w:cs="新細明體"/>
          <w:color w:val="000000"/>
          <w:sz w:val="21"/>
          <w:szCs w:val="21"/>
        </w:rPr>
        <w:t xml:space="preserve">learning </w:t>
      </w:r>
      <w:r w:rsidR="00364E89">
        <w:rPr>
          <w:rFonts w:ascii="Consolas" w:eastAsia="新細明體" w:hAnsi="Consolas" w:cs="新細明體" w:hint="eastAsia"/>
          <w:color w:val="000000"/>
          <w:sz w:val="21"/>
          <w:szCs w:val="21"/>
        </w:rPr>
        <w:t>r</w:t>
      </w:r>
      <w:r w:rsidR="00364E89">
        <w:rPr>
          <w:rFonts w:ascii="Consolas" w:eastAsia="新細明體" w:hAnsi="Consolas" w:cs="新細明體"/>
          <w:color w:val="000000"/>
          <w:sz w:val="21"/>
          <w:szCs w:val="21"/>
        </w:rPr>
        <w:t>ate</w:t>
      </w:r>
      <w:r w:rsidR="00BB256C">
        <w:rPr>
          <w:rFonts w:ascii="Consolas" w:eastAsia="新細明體" w:hAnsi="Consolas" w:cs="新細明體" w:hint="eastAsia"/>
          <w:color w:val="000000"/>
          <w:sz w:val="21"/>
          <w:szCs w:val="21"/>
        </w:rPr>
        <w:t>、</w:t>
      </w:r>
      <w:r w:rsidR="00364E89">
        <w:rPr>
          <w:rFonts w:ascii="Consolas" w:eastAsia="新細明體" w:hAnsi="Consolas" w:cs="新細明體" w:hint="eastAsia"/>
          <w:color w:val="000000"/>
          <w:sz w:val="21"/>
          <w:szCs w:val="21"/>
        </w:rPr>
        <w:t>增加訓練次數</w:t>
      </w:r>
      <w:r w:rsidR="00BB256C">
        <w:rPr>
          <w:rFonts w:ascii="Consolas" w:eastAsia="新細明體" w:hAnsi="Consolas" w:cs="新細明體" w:hint="eastAsia"/>
          <w:color w:val="000000"/>
          <w:sz w:val="21"/>
          <w:szCs w:val="21"/>
        </w:rPr>
        <w:t>和增加</w:t>
      </w:r>
      <w:r w:rsidR="00BB256C">
        <w:rPr>
          <w:rFonts w:ascii="Consolas" w:eastAsia="新細明體" w:hAnsi="Consolas" w:cs="新細明體" w:hint="eastAsia"/>
          <w:color w:val="000000"/>
          <w:sz w:val="21"/>
          <w:szCs w:val="21"/>
        </w:rPr>
        <w:t>h</w:t>
      </w:r>
      <w:r w:rsidR="00BB256C">
        <w:rPr>
          <w:rFonts w:ascii="Consolas" w:eastAsia="新細明體" w:hAnsi="Consolas" w:cs="新細明體"/>
          <w:color w:val="000000"/>
          <w:sz w:val="21"/>
          <w:szCs w:val="21"/>
        </w:rPr>
        <w:t>idden layer</w:t>
      </w:r>
      <w:r w:rsidR="00BB256C">
        <w:rPr>
          <w:rFonts w:ascii="Consolas" w:eastAsia="新細明體" w:hAnsi="Consolas" w:cs="新細明體" w:hint="eastAsia"/>
          <w:color w:val="000000"/>
          <w:sz w:val="21"/>
          <w:szCs w:val="21"/>
        </w:rPr>
        <w:t>的</w:t>
      </w:r>
      <w:r w:rsidR="00BB256C">
        <w:rPr>
          <w:rFonts w:ascii="Consolas" w:eastAsia="新細明體" w:hAnsi="Consolas" w:cs="新細明體" w:hint="eastAsia"/>
          <w:color w:val="000000"/>
          <w:sz w:val="21"/>
          <w:szCs w:val="21"/>
        </w:rPr>
        <w:t>n</w:t>
      </w:r>
      <w:r w:rsidR="00BB256C">
        <w:rPr>
          <w:rFonts w:ascii="Consolas" w:eastAsia="新細明體" w:hAnsi="Consolas" w:cs="新細明體"/>
          <w:color w:val="000000"/>
          <w:sz w:val="21"/>
          <w:szCs w:val="21"/>
        </w:rPr>
        <w:t>ode</w:t>
      </w:r>
      <w:r w:rsidR="00BB256C">
        <w:rPr>
          <w:rFonts w:ascii="Consolas" w:eastAsia="新細明體" w:hAnsi="Consolas" w:cs="新細明體" w:hint="eastAsia"/>
          <w:color w:val="000000"/>
          <w:sz w:val="21"/>
          <w:szCs w:val="21"/>
        </w:rPr>
        <w:t>數量</w:t>
      </w:r>
      <w:r w:rsidR="00364E89">
        <w:rPr>
          <w:rFonts w:ascii="Consolas" w:eastAsia="新細明體" w:hAnsi="Consolas" w:cs="新細明體" w:hint="eastAsia"/>
          <w:color w:val="000000"/>
          <w:sz w:val="21"/>
          <w:szCs w:val="21"/>
        </w:rPr>
        <w:t>。</w:t>
      </w:r>
    </w:p>
    <w:p w14:paraId="20DE62F9" w14:textId="77777777" w:rsidR="005E583A" w:rsidRDefault="005E583A" w:rsidP="005E583A">
      <w:pPr>
        <w:pStyle w:val="a3"/>
        <w:shd w:val="clear" w:color="auto" w:fill="FFFFFF"/>
        <w:spacing w:line="285" w:lineRule="atLeast"/>
        <w:ind w:left="1440"/>
        <w:rPr>
          <w:rFonts w:ascii="Consolas" w:eastAsia="新細明體" w:hAnsi="Consolas" w:cs="新細明體"/>
          <w:color w:val="000000"/>
          <w:sz w:val="21"/>
          <w:szCs w:val="21"/>
        </w:rPr>
      </w:pPr>
    </w:p>
    <w:p w14:paraId="7068DDB4" w14:textId="00E65E86" w:rsidR="00BB256C" w:rsidRDefault="00BB256C" w:rsidP="00BB256C">
      <w:pPr>
        <w:pStyle w:val="a3"/>
        <w:numPr>
          <w:ilvl w:val="0"/>
          <w:numId w:val="1"/>
        </w:numPr>
        <w:shd w:val="clear" w:color="auto" w:fill="FFFFFF"/>
        <w:spacing w:line="285" w:lineRule="atLeast"/>
        <w:rPr>
          <w:rFonts w:ascii="Consolas" w:eastAsia="新細明體" w:hAnsi="Consolas" w:cs="新細明體"/>
          <w:color w:val="000000"/>
          <w:sz w:val="21"/>
          <w:szCs w:val="21"/>
        </w:rPr>
      </w:pPr>
      <w:r>
        <w:rPr>
          <w:rFonts w:ascii="Consolas" w:eastAsia="新細明體" w:hAnsi="Consolas" w:cs="新細明體" w:hint="eastAsia"/>
          <w:color w:val="000000"/>
          <w:sz w:val="21"/>
          <w:szCs w:val="21"/>
        </w:rPr>
        <w:t>R</w:t>
      </w:r>
      <w:r>
        <w:rPr>
          <w:rFonts w:ascii="Consolas" w:eastAsia="新細明體" w:hAnsi="Consolas" w:cs="新細明體"/>
          <w:color w:val="000000"/>
          <w:sz w:val="21"/>
          <w:szCs w:val="21"/>
        </w:rPr>
        <w:t>eference</w:t>
      </w:r>
    </w:p>
    <w:p w14:paraId="20C4E04C" w14:textId="65F44FC0" w:rsidR="00BB256C" w:rsidRDefault="00BA622B" w:rsidP="00BB256C">
      <w:pPr>
        <w:pStyle w:val="a3"/>
        <w:shd w:val="clear" w:color="auto" w:fill="FFFFFF"/>
        <w:spacing w:line="285" w:lineRule="atLeast"/>
        <w:rPr>
          <w:rFonts w:ascii="Consolas" w:eastAsia="新細明體" w:hAnsi="Consolas" w:cs="新細明體"/>
          <w:color w:val="000000"/>
          <w:sz w:val="21"/>
          <w:szCs w:val="21"/>
        </w:rPr>
      </w:pPr>
      <w:hyperlink r:id="rId8" w:history="1">
        <w:r w:rsidR="00BB256C" w:rsidRPr="00227341">
          <w:rPr>
            <w:rStyle w:val="a4"/>
            <w:rFonts w:ascii="Consolas" w:eastAsia="新細明體" w:hAnsi="Consolas" w:cs="新細明體"/>
            <w:sz w:val="21"/>
            <w:szCs w:val="21"/>
          </w:rPr>
          <w:t>https://towardsdatascience.com/simple-neural-network-implementation-in-c-663f51447547</w:t>
        </w:r>
      </w:hyperlink>
    </w:p>
    <w:p w14:paraId="0AFA5887" w14:textId="77777777" w:rsidR="00BB256C" w:rsidRPr="00BB256C" w:rsidRDefault="00BB256C" w:rsidP="00BB256C">
      <w:pPr>
        <w:pStyle w:val="a3"/>
        <w:shd w:val="clear" w:color="auto" w:fill="FFFFFF"/>
        <w:spacing w:line="285" w:lineRule="atLeast"/>
        <w:rPr>
          <w:rFonts w:ascii="Consolas" w:eastAsia="新細明體" w:hAnsi="Consolas" w:cs="新細明體"/>
          <w:color w:val="000000"/>
          <w:sz w:val="21"/>
          <w:szCs w:val="21"/>
        </w:rPr>
      </w:pPr>
    </w:p>
    <w:p w14:paraId="35AE0720" w14:textId="5699EF62" w:rsidR="00F55361" w:rsidRPr="00F55361" w:rsidRDefault="00F55361" w:rsidP="00F55361">
      <w:pPr>
        <w:pStyle w:val="a3"/>
        <w:rPr>
          <w:rFonts w:ascii="Times New Roman" w:hAnsi="Times New Roman" w:cs="Times New Roman"/>
        </w:rPr>
      </w:pPr>
    </w:p>
    <w:p w14:paraId="6EB5FE95" w14:textId="20CA1CD8" w:rsidR="001A2AAC" w:rsidRPr="009038CA" w:rsidRDefault="001A2AAC" w:rsidP="001A2AAC">
      <w:pPr>
        <w:rPr>
          <w:rFonts w:ascii="Times New Roman" w:hAnsi="Times New Roman" w:cs="Times New Roman"/>
        </w:rPr>
      </w:pPr>
    </w:p>
    <w:sectPr w:rsidR="001A2AAC" w:rsidRPr="009038CA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6C996DB4"/>
    <w:multiLevelType w:val="hybridMultilevel"/>
    <w:tmpl w:val="BE58A730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54CCA3B8">
      <w:start w:val="1"/>
      <w:numFmt w:val="upperLetter"/>
      <w:lvlText w:val="%3."/>
      <w:lvlJc w:val="left"/>
      <w:pPr>
        <w:ind w:left="2340" w:hanging="360"/>
      </w:pPr>
      <w:rPr>
        <w:rFonts w:ascii="Times New Roman" w:eastAsiaTheme="minorEastAsia" w:hAnsi="Times New Roman" w:cs="Times New Roman" w:hint="default"/>
        <w:color w:val="auto"/>
        <w:sz w:val="24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proofState w:spelling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A2AAC"/>
    <w:rsid w:val="00144D4A"/>
    <w:rsid w:val="001A2AAC"/>
    <w:rsid w:val="00364E89"/>
    <w:rsid w:val="00413F79"/>
    <w:rsid w:val="00486E09"/>
    <w:rsid w:val="00486E13"/>
    <w:rsid w:val="004A3B31"/>
    <w:rsid w:val="004D7C40"/>
    <w:rsid w:val="005E583A"/>
    <w:rsid w:val="00714EE5"/>
    <w:rsid w:val="007F4730"/>
    <w:rsid w:val="008748B1"/>
    <w:rsid w:val="009038CA"/>
    <w:rsid w:val="0093795E"/>
    <w:rsid w:val="009B0933"/>
    <w:rsid w:val="00BA622B"/>
    <w:rsid w:val="00BB256C"/>
    <w:rsid w:val="00C904B0"/>
    <w:rsid w:val="00E72C48"/>
    <w:rsid w:val="00F55361"/>
    <w:rsid w:val="00F6540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4EA50F4"/>
  <w15:chartTrackingRefBased/>
  <w15:docId w15:val="{BB629F31-68D1-B945-B40C-C6B92F7BA8D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4"/>
        <w:szCs w:val="24"/>
        <w:lang w:val="en-US" w:eastAsia="zh-TW" w:bidi="ar-SA"/>
      </w:rPr>
    </w:rPrDefault>
    <w:pPrDefault/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1A2AAC"/>
    <w:pPr>
      <w:ind w:left="720"/>
      <w:contextualSpacing/>
    </w:pPr>
  </w:style>
  <w:style w:type="character" w:styleId="a4">
    <w:name w:val="Hyperlink"/>
    <w:basedOn w:val="a0"/>
    <w:uiPriority w:val="99"/>
    <w:unhideWhenUsed/>
    <w:rsid w:val="00BB256C"/>
    <w:rPr>
      <w:color w:val="0563C1" w:themeColor="hyperlink"/>
      <w:u w:val="single"/>
    </w:rPr>
  </w:style>
  <w:style w:type="character" w:styleId="a5">
    <w:name w:val="Unresolved Mention"/>
    <w:basedOn w:val="a0"/>
    <w:uiPriority w:val="99"/>
    <w:semiHidden/>
    <w:unhideWhenUsed/>
    <w:rsid w:val="00BB256C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033528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30408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7356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towardsdatascience.com/simple-neural-network-implementation-in-c-663f51447547" TargetMode="External"/><Relationship Id="rId3" Type="http://schemas.openxmlformats.org/officeDocument/2006/relationships/settings" Target="settings.xml"/><Relationship Id="rId7" Type="http://schemas.openxmlformats.org/officeDocument/2006/relationships/chart" Target="charts/chart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9702\OneDrive\&#26700;&#38754;\tmp1.csv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zh-TW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600" b="1" i="0" u="none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LOSS FUNCTION</a:t>
            </a:r>
            <a:endParaRPr lang="zh-TW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1" i="0" u="none" strike="noStrike" kern="1200" baseline="0">
              <a:solidFill>
                <a:schemeClr val="tx2"/>
              </a:solidFill>
              <a:latin typeface="+mn-lt"/>
              <a:ea typeface="+mn-ea"/>
              <a:cs typeface="+mn-cs"/>
            </a:defRPr>
          </a:pPr>
          <a:endParaRPr lang="zh-TW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spPr>
            <a:ln w="317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tmp1'!$A$1:$A$10001</c:f>
              <c:numCache>
                <c:formatCode>General</c:formatCode>
                <c:ptCount val="10001"/>
                <c:pt idx="0">
                  <c:v>1</c:v>
                </c:pt>
                <c:pt idx="1">
                  <c:v>10</c:v>
                </c:pt>
                <c:pt idx="2">
                  <c:v>20</c:v>
                </c:pt>
                <c:pt idx="3">
                  <c:v>30</c:v>
                </c:pt>
                <c:pt idx="4">
                  <c:v>40</c:v>
                </c:pt>
                <c:pt idx="5">
                  <c:v>50</c:v>
                </c:pt>
                <c:pt idx="6">
                  <c:v>60</c:v>
                </c:pt>
                <c:pt idx="7">
                  <c:v>70</c:v>
                </c:pt>
                <c:pt idx="8">
                  <c:v>80</c:v>
                </c:pt>
                <c:pt idx="9">
                  <c:v>90</c:v>
                </c:pt>
                <c:pt idx="10">
                  <c:v>100</c:v>
                </c:pt>
                <c:pt idx="11">
                  <c:v>110</c:v>
                </c:pt>
                <c:pt idx="12">
                  <c:v>120</c:v>
                </c:pt>
                <c:pt idx="13">
                  <c:v>130</c:v>
                </c:pt>
                <c:pt idx="14">
                  <c:v>140</c:v>
                </c:pt>
                <c:pt idx="15">
                  <c:v>150</c:v>
                </c:pt>
                <c:pt idx="16">
                  <c:v>160</c:v>
                </c:pt>
                <c:pt idx="17">
                  <c:v>170</c:v>
                </c:pt>
                <c:pt idx="18">
                  <c:v>180</c:v>
                </c:pt>
                <c:pt idx="19">
                  <c:v>190</c:v>
                </c:pt>
                <c:pt idx="20">
                  <c:v>200</c:v>
                </c:pt>
                <c:pt idx="21">
                  <c:v>210</c:v>
                </c:pt>
                <c:pt idx="22">
                  <c:v>220</c:v>
                </c:pt>
                <c:pt idx="23">
                  <c:v>230</c:v>
                </c:pt>
                <c:pt idx="24">
                  <c:v>240</c:v>
                </c:pt>
                <c:pt idx="25">
                  <c:v>250</c:v>
                </c:pt>
                <c:pt idx="26">
                  <c:v>260</c:v>
                </c:pt>
                <c:pt idx="27">
                  <c:v>270</c:v>
                </c:pt>
                <c:pt idx="28">
                  <c:v>280</c:v>
                </c:pt>
                <c:pt idx="29">
                  <c:v>290</c:v>
                </c:pt>
                <c:pt idx="30">
                  <c:v>300</c:v>
                </c:pt>
                <c:pt idx="31">
                  <c:v>310</c:v>
                </c:pt>
                <c:pt idx="32">
                  <c:v>320</c:v>
                </c:pt>
                <c:pt idx="33">
                  <c:v>330</c:v>
                </c:pt>
                <c:pt idx="34">
                  <c:v>340</c:v>
                </c:pt>
                <c:pt idx="35">
                  <c:v>350</c:v>
                </c:pt>
                <c:pt idx="36">
                  <c:v>360</c:v>
                </c:pt>
                <c:pt idx="37">
                  <c:v>370</c:v>
                </c:pt>
                <c:pt idx="38">
                  <c:v>380</c:v>
                </c:pt>
                <c:pt idx="39">
                  <c:v>390</c:v>
                </c:pt>
                <c:pt idx="40">
                  <c:v>400</c:v>
                </c:pt>
                <c:pt idx="41">
                  <c:v>410</c:v>
                </c:pt>
                <c:pt idx="42">
                  <c:v>420</c:v>
                </c:pt>
                <c:pt idx="43">
                  <c:v>430</c:v>
                </c:pt>
                <c:pt idx="44">
                  <c:v>440</c:v>
                </c:pt>
                <c:pt idx="45">
                  <c:v>450</c:v>
                </c:pt>
                <c:pt idx="46">
                  <c:v>460</c:v>
                </c:pt>
                <c:pt idx="47">
                  <c:v>470</c:v>
                </c:pt>
                <c:pt idx="48">
                  <c:v>480</c:v>
                </c:pt>
                <c:pt idx="49">
                  <c:v>490</c:v>
                </c:pt>
                <c:pt idx="50">
                  <c:v>500</c:v>
                </c:pt>
                <c:pt idx="51">
                  <c:v>510</c:v>
                </c:pt>
                <c:pt idx="52">
                  <c:v>520</c:v>
                </c:pt>
                <c:pt idx="53">
                  <c:v>530</c:v>
                </c:pt>
                <c:pt idx="54">
                  <c:v>540</c:v>
                </c:pt>
                <c:pt idx="55">
                  <c:v>550</c:v>
                </c:pt>
                <c:pt idx="56">
                  <c:v>560</c:v>
                </c:pt>
                <c:pt idx="57">
                  <c:v>570</c:v>
                </c:pt>
                <c:pt idx="58">
                  <c:v>580</c:v>
                </c:pt>
                <c:pt idx="59">
                  <c:v>590</c:v>
                </c:pt>
                <c:pt idx="60">
                  <c:v>600</c:v>
                </c:pt>
                <c:pt idx="61">
                  <c:v>610</c:v>
                </c:pt>
                <c:pt idx="62">
                  <c:v>620</c:v>
                </c:pt>
                <c:pt idx="63">
                  <c:v>630</c:v>
                </c:pt>
                <c:pt idx="64">
                  <c:v>640</c:v>
                </c:pt>
                <c:pt idx="65">
                  <c:v>650</c:v>
                </c:pt>
                <c:pt idx="66">
                  <c:v>660</c:v>
                </c:pt>
                <c:pt idx="67">
                  <c:v>670</c:v>
                </c:pt>
                <c:pt idx="68">
                  <c:v>680</c:v>
                </c:pt>
                <c:pt idx="69">
                  <c:v>690</c:v>
                </c:pt>
                <c:pt idx="70">
                  <c:v>700</c:v>
                </c:pt>
                <c:pt idx="71">
                  <c:v>710</c:v>
                </c:pt>
                <c:pt idx="72">
                  <c:v>720</c:v>
                </c:pt>
                <c:pt idx="73">
                  <c:v>730</c:v>
                </c:pt>
                <c:pt idx="74">
                  <c:v>740</c:v>
                </c:pt>
                <c:pt idx="75">
                  <c:v>750</c:v>
                </c:pt>
                <c:pt idx="76">
                  <c:v>760</c:v>
                </c:pt>
                <c:pt idx="77">
                  <c:v>770</c:v>
                </c:pt>
                <c:pt idx="78">
                  <c:v>780</c:v>
                </c:pt>
                <c:pt idx="79">
                  <c:v>790</c:v>
                </c:pt>
                <c:pt idx="80">
                  <c:v>800</c:v>
                </c:pt>
                <c:pt idx="81">
                  <c:v>810</c:v>
                </c:pt>
                <c:pt idx="82">
                  <c:v>820</c:v>
                </c:pt>
                <c:pt idx="83">
                  <c:v>830</c:v>
                </c:pt>
                <c:pt idx="84">
                  <c:v>840</c:v>
                </c:pt>
                <c:pt idx="85">
                  <c:v>850</c:v>
                </c:pt>
                <c:pt idx="86">
                  <c:v>860</c:v>
                </c:pt>
                <c:pt idx="87">
                  <c:v>870</c:v>
                </c:pt>
                <c:pt idx="88">
                  <c:v>880</c:v>
                </c:pt>
                <c:pt idx="89">
                  <c:v>890</c:v>
                </c:pt>
                <c:pt idx="90">
                  <c:v>900</c:v>
                </c:pt>
                <c:pt idx="91">
                  <c:v>910</c:v>
                </c:pt>
                <c:pt idx="92">
                  <c:v>920</c:v>
                </c:pt>
                <c:pt idx="93">
                  <c:v>930</c:v>
                </c:pt>
                <c:pt idx="94">
                  <c:v>940</c:v>
                </c:pt>
                <c:pt idx="95">
                  <c:v>950</c:v>
                </c:pt>
                <c:pt idx="96">
                  <c:v>960</c:v>
                </c:pt>
                <c:pt idx="97">
                  <c:v>970</c:v>
                </c:pt>
                <c:pt idx="98">
                  <c:v>980</c:v>
                </c:pt>
                <c:pt idx="99">
                  <c:v>990</c:v>
                </c:pt>
                <c:pt idx="100">
                  <c:v>1000</c:v>
                </c:pt>
                <c:pt idx="101">
                  <c:v>1010</c:v>
                </c:pt>
                <c:pt idx="102">
                  <c:v>1020</c:v>
                </c:pt>
                <c:pt idx="103">
                  <c:v>1030</c:v>
                </c:pt>
                <c:pt idx="104">
                  <c:v>1040</c:v>
                </c:pt>
                <c:pt idx="105">
                  <c:v>1050</c:v>
                </c:pt>
                <c:pt idx="106">
                  <c:v>1060</c:v>
                </c:pt>
                <c:pt idx="107">
                  <c:v>1070</c:v>
                </c:pt>
                <c:pt idx="108">
                  <c:v>1080</c:v>
                </c:pt>
                <c:pt idx="109">
                  <c:v>1090</c:v>
                </c:pt>
                <c:pt idx="110">
                  <c:v>1100</c:v>
                </c:pt>
                <c:pt idx="111">
                  <c:v>1110</c:v>
                </c:pt>
                <c:pt idx="112">
                  <c:v>1120</c:v>
                </c:pt>
                <c:pt idx="113">
                  <c:v>1130</c:v>
                </c:pt>
                <c:pt idx="114">
                  <c:v>1140</c:v>
                </c:pt>
                <c:pt idx="115">
                  <c:v>1150</c:v>
                </c:pt>
                <c:pt idx="116">
                  <c:v>1160</c:v>
                </c:pt>
                <c:pt idx="117">
                  <c:v>1170</c:v>
                </c:pt>
                <c:pt idx="118">
                  <c:v>1180</c:v>
                </c:pt>
                <c:pt idx="119">
                  <c:v>1190</c:v>
                </c:pt>
                <c:pt idx="120">
                  <c:v>1200</c:v>
                </c:pt>
                <c:pt idx="121">
                  <c:v>1210</c:v>
                </c:pt>
                <c:pt idx="122">
                  <c:v>1220</c:v>
                </c:pt>
                <c:pt idx="123">
                  <c:v>1230</c:v>
                </c:pt>
                <c:pt idx="124">
                  <c:v>1240</c:v>
                </c:pt>
                <c:pt idx="125">
                  <c:v>1250</c:v>
                </c:pt>
                <c:pt idx="126">
                  <c:v>1260</c:v>
                </c:pt>
                <c:pt idx="127">
                  <c:v>1270</c:v>
                </c:pt>
                <c:pt idx="128">
                  <c:v>1280</c:v>
                </c:pt>
                <c:pt idx="129">
                  <c:v>1290</c:v>
                </c:pt>
                <c:pt idx="130">
                  <c:v>1300</c:v>
                </c:pt>
                <c:pt idx="131">
                  <c:v>1310</c:v>
                </c:pt>
                <c:pt idx="132">
                  <c:v>1320</c:v>
                </c:pt>
                <c:pt idx="133">
                  <c:v>1330</c:v>
                </c:pt>
                <c:pt idx="134">
                  <c:v>1340</c:v>
                </c:pt>
                <c:pt idx="135">
                  <c:v>1350</c:v>
                </c:pt>
                <c:pt idx="136">
                  <c:v>1360</c:v>
                </c:pt>
                <c:pt idx="137">
                  <c:v>1370</c:v>
                </c:pt>
                <c:pt idx="138">
                  <c:v>1380</c:v>
                </c:pt>
                <c:pt idx="139">
                  <c:v>1390</c:v>
                </c:pt>
                <c:pt idx="140">
                  <c:v>1400</c:v>
                </c:pt>
                <c:pt idx="141">
                  <c:v>1410</c:v>
                </c:pt>
                <c:pt idx="142">
                  <c:v>1420</c:v>
                </c:pt>
                <c:pt idx="143">
                  <c:v>1430</c:v>
                </c:pt>
                <c:pt idx="144">
                  <c:v>1440</c:v>
                </c:pt>
                <c:pt idx="145">
                  <c:v>1450</c:v>
                </c:pt>
                <c:pt idx="146">
                  <c:v>1460</c:v>
                </c:pt>
                <c:pt idx="147">
                  <c:v>1470</c:v>
                </c:pt>
                <c:pt idx="148">
                  <c:v>1480</c:v>
                </c:pt>
                <c:pt idx="149">
                  <c:v>1490</c:v>
                </c:pt>
                <c:pt idx="150">
                  <c:v>1500</c:v>
                </c:pt>
                <c:pt idx="151">
                  <c:v>1510</c:v>
                </c:pt>
                <c:pt idx="152">
                  <c:v>1520</c:v>
                </c:pt>
                <c:pt idx="153">
                  <c:v>1530</c:v>
                </c:pt>
                <c:pt idx="154">
                  <c:v>1540</c:v>
                </c:pt>
                <c:pt idx="155">
                  <c:v>1550</c:v>
                </c:pt>
                <c:pt idx="156">
                  <c:v>1560</c:v>
                </c:pt>
                <c:pt idx="157">
                  <c:v>1570</c:v>
                </c:pt>
                <c:pt idx="158">
                  <c:v>1580</c:v>
                </c:pt>
                <c:pt idx="159">
                  <c:v>1590</c:v>
                </c:pt>
                <c:pt idx="160">
                  <c:v>1600</c:v>
                </c:pt>
                <c:pt idx="161">
                  <c:v>1610</c:v>
                </c:pt>
                <c:pt idx="162">
                  <c:v>1620</c:v>
                </c:pt>
                <c:pt idx="163">
                  <c:v>1630</c:v>
                </c:pt>
                <c:pt idx="164">
                  <c:v>1640</c:v>
                </c:pt>
                <c:pt idx="165">
                  <c:v>1650</c:v>
                </c:pt>
                <c:pt idx="166">
                  <c:v>1660</c:v>
                </c:pt>
                <c:pt idx="167">
                  <c:v>1670</c:v>
                </c:pt>
                <c:pt idx="168">
                  <c:v>1680</c:v>
                </c:pt>
                <c:pt idx="169">
                  <c:v>1690</c:v>
                </c:pt>
                <c:pt idx="170">
                  <c:v>1700</c:v>
                </c:pt>
                <c:pt idx="171">
                  <c:v>1710</c:v>
                </c:pt>
                <c:pt idx="172">
                  <c:v>1720</c:v>
                </c:pt>
                <c:pt idx="173">
                  <c:v>1730</c:v>
                </c:pt>
                <c:pt idx="174">
                  <c:v>1740</c:v>
                </c:pt>
                <c:pt idx="175">
                  <c:v>1750</c:v>
                </c:pt>
                <c:pt idx="176">
                  <c:v>1760</c:v>
                </c:pt>
                <c:pt idx="177">
                  <c:v>1770</c:v>
                </c:pt>
                <c:pt idx="178">
                  <c:v>1780</c:v>
                </c:pt>
                <c:pt idx="179">
                  <c:v>1790</c:v>
                </c:pt>
                <c:pt idx="180">
                  <c:v>1800</c:v>
                </c:pt>
                <c:pt idx="181">
                  <c:v>1810</c:v>
                </c:pt>
                <c:pt idx="182">
                  <c:v>1820</c:v>
                </c:pt>
                <c:pt idx="183">
                  <c:v>1830</c:v>
                </c:pt>
                <c:pt idx="184">
                  <c:v>1840</c:v>
                </c:pt>
                <c:pt idx="185">
                  <c:v>1850</c:v>
                </c:pt>
                <c:pt idx="186">
                  <c:v>1860</c:v>
                </c:pt>
                <c:pt idx="187">
                  <c:v>1870</c:v>
                </c:pt>
                <c:pt idx="188">
                  <c:v>1880</c:v>
                </c:pt>
                <c:pt idx="189">
                  <c:v>1890</c:v>
                </c:pt>
                <c:pt idx="190">
                  <c:v>1900</c:v>
                </c:pt>
                <c:pt idx="191">
                  <c:v>1910</c:v>
                </c:pt>
                <c:pt idx="192">
                  <c:v>1920</c:v>
                </c:pt>
                <c:pt idx="193">
                  <c:v>1930</c:v>
                </c:pt>
                <c:pt idx="194">
                  <c:v>1940</c:v>
                </c:pt>
                <c:pt idx="195">
                  <c:v>1950</c:v>
                </c:pt>
                <c:pt idx="196">
                  <c:v>1960</c:v>
                </c:pt>
                <c:pt idx="197">
                  <c:v>1970</c:v>
                </c:pt>
                <c:pt idx="198">
                  <c:v>1980</c:v>
                </c:pt>
                <c:pt idx="199">
                  <c:v>1990</c:v>
                </c:pt>
                <c:pt idx="200">
                  <c:v>2000</c:v>
                </c:pt>
                <c:pt idx="201">
                  <c:v>2010</c:v>
                </c:pt>
                <c:pt idx="202">
                  <c:v>2020</c:v>
                </c:pt>
                <c:pt idx="203">
                  <c:v>2030</c:v>
                </c:pt>
                <c:pt idx="204">
                  <c:v>2040</c:v>
                </c:pt>
                <c:pt idx="205">
                  <c:v>2050</c:v>
                </c:pt>
                <c:pt idx="206">
                  <c:v>2060</c:v>
                </c:pt>
                <c:pt idx="207">
                  <c:v>2070</c:v>
                </c:pt>
                <c:pt idx="208">
                  <c:v>2080</c:v>
                </c:pt>
                <c:pt idx="209">
                  <c:v>2090</c:v>
                </c:pt>
                <c:pt idx="210">
                  <c:v>2100</c:v>
                </c:pt>
                <c:pt idx="211">
                  <c:v>2110</c:v>
                </c:pt>
                <c:pt idx="212">
                  <c:v>2120</c:v>
                </c:pt>
                <c:pt idx="213">
                  <c:v>2130</c:v>
                </c:pt>
                <c:pt idx="214">
                  <c:v>2140</c:v>
                </c:pt>
                <c:pt idx="215">
                  <c:v>2150</c:v>
                </c:pt>
                <c:pt idx="216">
                  <c:v>2160</c:v>
                </c:pt>
                <c:pt idx="217">
                  <c:v>2170</c:v>
                </c:pt>
                <c:pt idx="218">
                  <c:v>2180</c:v>
                </c:pt>
                <c:pt idx="219">
                  <c:v>2190</c:v>
                </c:pt>
                <c:pt idx="220">
                  <c:v>2200</c:v>
                </c:pt>
                <c:pt idx="221">
                  <c:v>2210</c:v>
                </c:pt>
                <c:pt idx="222">
                  <c:v>2220</c:v>
                </c:pt>
                <c:pt idx="223">
                  <c:v>2230</c:v>
                </c:pt>
                <c:pt idx="224">
                  <c:v>2240</c:v>
                </c:pt>
                <c:pt idx="225">
                  <c:v>2250</c:v>
                </c:pt>
                <c:pt idx="226">
                  <c:v>2260</c:v>
                </c:pt>
                <c:pt idx="227">
                  <c:v>2270</c:v>
                </c:pt>
                <c:pt idx="228">
                  <c:v>2280</c:v>
                </c:pt>
                <c:pt idx="229">
                  <c:v>2290</c:v>
                </c:pt>
                <c:pt idx="230">
                  <c:v>2300</c:v>
                </c:pt>
                <c:pt idx="231">
                  <c:v>2310</c:v>
                </c:pt>
                <c:pt idx="232">
                  <c:v>2320</c:v>
                </c:pt>
                <c:pt idx="233">
                  <c:v>2330</c:v>
                </c:pt>
                <c:pt idx="234">
                  <c:v>2340</c:v>
                </c:pt>
                <c:pt idx="235">
                  <c:v>2350</c:v>
                </c:pt>
                <c:pt idx="236">
                  <c:v>2360</c:v>
                </c:pt>
                <c:pt idx="237">
                  <c:v>2370</c:v>
                </c:pt>
                <c:pt idx="238">
                  <c:v>2380</c:v>
                </c:pt>
                <c:pt idx="239">
                  <c:v>2390</c:v>
                </c:pt>
                <c:pt idx="240">
                  <c:v>2400</c:v>
                </c:pt>
                <c:pt idx="241">
                  <c:v>2410</c:v>
                </c:pt>
                <c:pt idx="242">
                  <c:v>2420</c:v>
                </c:pt>
                <c:pt idx="243">
                  <c:v>2430</c:v>
                </c:pt>
                <c:pt idx="244">
                  <c:v>2440</c:v>
                </c:pt>
                <c:pt idx="245">
                  <c:v>2450</c:v>
                </c:pt>
                <c:pt idx="246">
                  <c:v>2460</c:v>
                </c:pt>
                <c:pt idx="247">
                  <c:v>2470</c:v>
                </c:pt>
                <c:pt idx="248">
                  <c:v>2480</c:v>
                </c:pt>
                <c:pt idx="249">
                  <c:v>2490</c:v>
                </c:pt>
                <c:pt idx="250">
                  <c:v>2500</c:v>
                </c:pt>
                <c:pt idx="251">
                  <c:v>2510</c:v>
                </c:pt>
                <c:pt idx="252">
                  <c:v>2520</c:v>
                </c:pt>
                <c:pt idx="253">
                  <c:v>2530</c:v>
                </c:pt>
                <c:pt idx="254">
                  <c:v>2540</c:v>
                </c:pt>
                <c:pt idx="255">
                  <c:v>2550</c:v>
                </c:pt>
                <c:pt idx="256">
                  <c:v>2560</c:v>
                </c:pt>
                <c:pt idx="257">
                  <c:v>2570</c:v>
                </c:pt>
                <c:pt idx="258">
                  <c:v>2580</c:v>
                </c:pt>
                <c:pt idx="259">
                  <c:v>2590</c:v>
                </c:pt>
                <c:pt idx="260">
                  <c:v>2600</c:v>
                </c:pt>
                <c:pt idx="261">
                  <c:v>2610</c:v>
                </c:pt>
                <c:pt idx="262">
                  <c:v>2620</c:v>
                </c:pt>
                <c:pt idx="263">
                  <c:v>2630</c:v>
                </c:pt>
                <c:pt idx="264">
                  <c:v>2640</c:v>
                </c:pt>
                <c:pt idx="265">
                  <c:v>2650</c:v>
                </c:pt>
                <c:pt idx="266">
                  <c:v>2660</c:v>
                </c:pt>
                <c:pt idx="267">
                  <c:v>2670</c:v>
                </c:pt>
                <c:pt idx="268">
                  <c:v>2680</c:v>
                </c:pt>
                <c:pt idx="269">
                  <c:v>2690</c:v>
                </c:pt>
                <c:pt idx="270">
                  <c:v>2700</c:v>
                </c:pt>
                <c:pt idx="271">
                  <c:v>2710</c:v>
                </c:pt>
                <c:pt idx="272">
                  <c:v>2720</c:v>
                </c:pt>
                <c:pt idx="273">
                  <c:v>2730</c:v>
                </c:pt>
                <c:pt idx="274">
                  <c:v>2740</c:v>
                </c:pt>
                <c:pt idx="275">
                  <c:v>2750</c:v>
                </c:pt>
                <c:pt idx="276">
                  <c:v>2760</c:v>
                </c:pt>
                <c:pt idx="277">
                  <c:v>2770</c:v>
                </c:pt>
                <c:pt idx="278">
                  <c:v>2780</c:v>
                </c:pt>
                <c:pt idx="279">
                  <c:v>2790</c:v>
                </c:pt>
                <c:pt idx="280">
                  <c:v>2800</c:v>
                </c:pt>
                <c:pt idx="281">
                  <c:v>2810</c:v>
                </c:pt>
                <c:pt idx="282">
                  <c:v>2820</c:v>
                </c:pt>
                <c:pt idx="283">
                  <c:v>2830</c:v>
                </c:pt>
                <c:pt idx="284">
                  <c:v>2840</c:v>
                </c:pt>
                <c:pt idx="285">
                  <c:v>2850</c:v>
                </c:pt>
                <c:pt idx="286">
                  <c:v>2860</c:v>
                </c:pt>
                <c:pt idx="287">
                  <c:v>2870</c:v>
                </c:pt>
                <c:pt idx="288">
                  <c:v>2880</c:v>
                </c:pt>
                <c:pt idx="289">
                  <c:v>2890</c:v>
                </c:pt>
                <c:pt idx="290">
                  <c:v>2900</c:v>
                </c:pt>
                <c:pt idx="291">
                  <c:v>2910</c:v>
                </c:pt>
                <c:pt idx="292">
                  <c:v>2920</c:v>
                </c:pt>
                <c:pt idx="293">
                  <c:v>2930</c:v>
                </c:pt>
                <c:pt idx="294">
                  <c:v>2940</c:v>
                </c:pt>
                <c:pt idx="295">
                  <c:v>2950</c:v>
                </c:pt>
                <c:pt idx="296">
                  <c:v>2960</c:v>
                </c:pt>
                <c:pt idx="297">
                  <c:v>2970</c:v>
                </c:pt>
                <c:pt idx="298">
                  <c:v>2980</c:v>
                </c:pt>
                <c:pt idx="299">
                  <c:v>2990</c:v>
                </c:pt>
                <c:pt idx="300">
                  <c:v>3000</c:v>
                </c:pt>
                <c:pt idx="301">
                  <c:v>3010</c:v>
                </c:pt>
                <c:pt idx="302">
                  <c:v>3020</c:v>
                </c:pt>
                <c:pt idx="303">
                  <c:v>3030</c:v>
                </c:pt>
                <c:pt idx="304">
                  <c:v>3040</c:v>
                </c:pt>
                <c:pt idx="305">
                  <c:v>3050</c:v>
                </c:pt>
                <c:pt idx="306">
                  <c:v>3060</c:v>
                </c:pt>
                <c:pt idx="307">
                  <c:v>3070</c:v>
                </c:pt>
                <c:pt idx="308">
                  <c:v>3080</c:v>
                </c:pt>
                <c:pt idx="309">
                  <c:v>3090</c:v>
                </c:pt>
                <c:pt idx="310">
                  <c:v>3100</c:v>
                </c:pt>
                <c:pt idx="311">
                  <c:v>3110</c:v>
                </c:pt>
                <c:pt idx="312">
                  <c:v>3120</c:v>
                </c:pt>
                <c:pt idx="313">
                  <c:v>3130</c:v>
                </c:pt>
                <c:pt idx="314">
                  <c:v>3140</c:v>
                </c:pt>
                <c:pt idx="315">
                  <c:v>3150</c:v>
                </c:pt>
                <c:pt idx="316">
                  <c:v>3160</c:v>
                </c:pt>
                <c:pt idx="317">
                  <c:v>3170</c:v>
                </c:pt>
                <c:pt idx="318">
                  <c:v>3180</c:v>
                </c:pt>
                <c:pt idx="319">
                  <c:v>3190</c:v>
                </c:pt>
                <c:pt idx="320">
                  <c:v>3200</c:v>
                </c:pt>
                <c:pt idx="321">
                  <c:v>3210</c:v>
                </c:pt>
                <c:pt idx="322">
                  <c:v>3220</c:v>
                </c:pt>
                <c:pt idx="323">
                  <c:v>3230</c:v>
                </c:pt>
                <c:pt idx="324">
                  <c:v>3240</c:v>
                </c:pt>
                <c:pt idx="325">
                  <c:v>3250</c:v>
                </c:pt>
                <c:pt idx="326">
                  <c:v>3260</c:v>
                </c:pt>
                <c:pt idx="327">
                  <c:v>3270</c:v>
                </c:pt>
                <c:pt idx="328">
                  <c:v>3280</c:v>
                </c:pt>
                <c:pt idx="329">
                  <c:v>3290</c:v>
                </c:pt>
                <c:pt idx="330">
                  <c:v>3300</c:v>
                </c:pt>
                <c:pt idx="331">
                  <c:v>3310</c:v>
                </c:pt>
                <c:pt idx="332">
                  <c:v>3320</c:v>
                </c:pt>
                <c:pt idx="333">
                  <c:v>3330</c:v>
                </c:pt>
                <c:pt idx="334">
                  <c:v>3340</c:v>
                </c:pt>
                <c:pt idx="335">
                  <c:v>3350</c:v>
                </c:pt>
                <c:pt idx="336">
                  <c:v>3360</c:v>
                </c:pt>
                <c:pt idx="337">
                  <c:v>3370</c:v>
                </c:pt>
                <c:pt idx="338">
                  <c:v>3380</c:v>
                </c:pt>
                <c:pt idx="339">
                  <c:v>3390</c:v>
                </c:pt>
                <c:pt idx="340">
                  <c:v>3400</c:v>
                </c:pt>
                <c:pt idx="341">
                  <c:v>3410</c:v>
                </c:pt>
                <c:pt idx="342">
                  <c:v>3420</c:v>
                </c:pt>
                <c:pt idx="343">
                  <c:v>3430</c:v>
                </c:pt>
                <c:pt idx="344">
                  <c:v>3440</c:v>
                </c:pt>
                <c:pt idx="345">
                  <c:v>3450</c:v>
                </c:pt>
                <c:pt idx="346">
                  <c:v>3460</c:v>
                </c:pt>
                <c:pt idx="347">
                  <c:v>3470</c:v>
                </c:pt>
                <c:pt idx="348">
                  <c:v>3480</c:v>
                </c:pt>
                <c:pt idx="349">
                  <c:v>3490</c:v>
                </c:pt>
                <c:pt idx="350">
                  <c:v>3500</c:v>
                </c:pt>
                <c:pt idx="351">
                  <c:v>3510</c:v>
                </c:pt>
                <c:pt idx="352">
                  <c:v>3520</c:v>
                </c:pt>
                <c:pt idx="353">
                  <c:v>3530</c:v>
                </c:pt>
                <c:pt idx="354">
                  <c:v>3540</c:v>
                </c:pt>
                <c:pt idx="355">
                  <c:v>3550</c:v>
                </c:pt>
                <c:pt idx="356">
                  <c:v>3560</c:v>
                </c:pt>
                <c:pt idx="357">
                  <c:v>3570</c:v>
                </c:pt>
                <c:pt idx="358">
                  <c:v>3580</c:v>
                </c:pt>
                <c:pt idx="359">
                  <c:v>3590</c:v>
                </c:pt>
                <c:pt idx="360">
                  <c:v>3600</c:v>
                </c:pt>
                <c:pt idx="361">
                  <c:v>3610</c:v>
                </c:pt>
                <c:pt idx="362">
                  <c:v>3620</c:v>
                </c:pt>
                <c:pt idx="363">
                  <c:v>3630</c:v>
                </c:pt>
                <c:pt idx="364">
                  <c:v>3640</c:v>
                </c:pt>
                <c:pt idx="365">
                  <c:v>3650</c:v>
                </c:pt>
                <c:pt idx="366">
                  <c:v>3660</c:v>
                </c:pt>
                <c:pt idx="367">
                  <c:v>3670</c:v>
                </c:pt>
                <c:pt idx="368">
                  <c:v>3680</c:v>
                </c:pt>
                <c:pt idx="369">
                  <c:v>3690</c:v>
                </c:pt>
                <c:pt idx="370">
                  <c:v>3700</c:v>
                </c:pt>
                <c:pt idx="371">
                  <c:v>3710</c:v>
                </c:pt>
                <c:pt idx="372">
                  <c:v>3720</c:v>
                </c:pt>
                <c:pt idx="373">
                  <c:v>3730</c:v>
                </c:pt>
                <c:pt idx="374">
                  <c:v>3740</c:v>
                </c:pt>
                <c:pt idx="375">
                  <c:v>3750</c:v>
                </c:pt>
                <c:pt idx="376">
                  <c:v>3760</c:v>
                </c:pt>
                <c:pt idx="377">
                  <c:v>3770</c:v>
                </c:pt>
                <c:pt idx="378">
                  <c:v>3780</c:v>
                </c:pt>
                <c:pt idx="379">
                  <c:v>3790</c:v>
                </c:pt>
                <c:pt idx="380">
                  <c:v>3800</c:v>
                </c:pt>
                <c:pt idx="381">
                  <c:v>3810</c:v>
                </c:pt>
                <c:pt idx="382">
                  <c:v>3820</c:v>
                </c:pt>
                <c:pt idx="383">
                  <c:v>3830</c:v>
                </c:pt>
                <c:pt idx="384">
                  <c:v>3840</c:v>
                </c:pt>
                <c:pt idx="385">
                  <c:v>3850</c:v>
                </c:pt>
                <c:pt idx="386">
                  <c:v>3860</c:v>
                </c:pt>
                <c:pt idx="387">
                  <c:v>3870</c:v>
                </c:pt>
                <c:pt idx="388">
                  <c:v>3880</c:v>
                </c:pt>
                <c:pt idx="389">
                  <c:v>3890</c:v>
                </c:pt>
                <c:pt idx="390">
                  <c:v>3900</c:v>
                </c:pt>
                <c:pt idx="391">
                  <c:v>3910</c:v>
                </c:pt>
                <c:pt idx="392">
                  <c:v>3920</c:v>
                </c:pt>
                <c:pt idx="393">
                  <c:v>3930</c:v>
                </c:pt>
                <c:pt idx="394">
                  <c:v>3940</c:v>
                </c:pt>
                <c:pt idx="395">
                  <c:v>3950</c:v>
                </c:pt>
                <c:pt idx="396">
                  <c:v>3960</c:v>
                </c:pt>
                <c:pt idx="397">
                  <c:v>3970</c:v>
                </c:pt>
                <c:pt idx="398">
                  <c:v>3980</c:v>
                </c:pt>
                <c:pt idx="399">
                  <c:v>3990</c:v>
                </c:pt>
                <c:pt idx="400">
                  <c:v>4000</c:v>
                </c:pt>
                <c:pt idx="401">
                  <c:v>4010</c:v>
                </c:pt>
                <c:pt idx="402">
                  <c:v>4020</c:v>
                </c:pt>
                <c:pt idx="403">
                  <c:v>4030</c:v>
                </c:pt>
                <c:pt idx="404">
                  <c:v>4040</c:v>
                </c:pt>
                <c:pt idx="405">
                  <c:v>4050</c:v>
                </c:pt>
                <c:pt idx="406">
                  <c:v>4060</c:v>
                </c:pt>
                <c:pt idx="407">
                  <c:v>4070</c:v>
                </c:pt>
                <c:pt idx="408">
                  <c:v>4080</c:v>
                </c:pt>
                <c:pt idx="409">
                  <c:v>4090</c:v>
                </c:pt>
                <c:pt idx="410">
                  <c:v>4100</c:v>
                </c:pt>
                <c:pt idx="411">
                  <c:v>4110</c:v>
                </c:pt>
                <c:pt idx="412">
                  <c:v>4120</c:v>
                </c:pt>
                <c:pt idx="413">
                  <c:v>4130</c:v>
                </c:pt>
                <c:pt idx="414">
                  <c:v>4140</c:v>
                </c:pt>
                <c:pt idx="415">
                  <c:v>4150</c:v>
                </c:pt>
                <c:pt idx="416">
                  <c:v>4160</c:v>
                </c:pt>
                <c:pt idx="417">
                  <c:v>4170</c:v>
                </c:pt>
                <c:pt idx="418">
                  <c:v>4180</c:v>
                </c:pt>
                <c:pt idx="419">
                  <c:v>4190</c:v>
                </c:pt>
                <c:pt idx="420">
                  <c:v>4200</c:v>
                </c:pt>
                <c:pt idx="421">
                  <c:v>4210</c:v>
                </c:pt>
                <c:pt idx="422">
                  <c:v>4220</c:v>
                </c:pt>
                <c:pt idx="423">
                  <c:v>4230</c:v>
                </c:pt>
                <c:pt idx="424">
                  <c:v>4240</c:v>
                </c:pt>
                <c:pt idx="425">
                  <c:v>4250</c:v>
                </c:pt>
                <c:pt idx="426">
                  <c:v>4260</c:v>
                </c:pt>
                <c:pt idx="427">
                  <c:v>4270</c:v>
                </c:pt>
                <c:pt idx="428">
                  <c:v>4280</c:v>
                </c:pt>
                <c:pt idx="429">
                  <c:v>4290</c:v>
                </c:pt>
                <c:pt idx="430">
                  <c:v>4300</c:v>
                </c:pt>
                <c:pt idx="431">
                  <c:v>4310</c:v>
                </c:pt>
                <c:pt idx="432">
                  <c:v>4320</c:v>
                </c:pt>
                <c:pt idx="433">
                  <c:v>4330</c:v>
                </c:pt>
                <c:pt idx="434">
                  <c:v>4340</c:v>
                </c:pt>
                <c:pt idx="435">
                  <c:v>4350</c:v>
                </c:pt>
                <c:pt idx="436">
                  <c:v>4360</c:v>
                </c:pt>
                <c:pt idx="437">
                  <c:v>4370</c:v>
                </c:pt>
                <c:pt idx="438">
                  <c:v>4380</c:v>
                </c:pt>
                <c:pt idx="439">
                  <c:v>4390</c:v>
                </c:pt>
                <c:pt idx="440">
                  <c:v>4400</c:v>
                </c:pt>
                <c:pt idx="441">
                  <c:v>4410</c:v>
                </c:pt>
                <c:pt idx="442">
                  <c:v>4420</c:v>
                </c:pt>
                <c:pt idx="443">
                  <c:v>4430</c:v>
                </c:pt>
                <c:pt idx="444">
                  <c:v>4440</c:v>
                </c:pt>
                <c:pt idx="445">
                  <c:v>4450</c:v>
                </c:pt>
                <c:pt idx="446">
                  <c:v>4460</c:v>
                </c:pt>
                <c:pt idx="447">
                  <c:v>4470</c:v>
                </c:pt>
                <c:pt idx="448">
                  <c:v>4480</c:v>
                </c:pt>
                <c:pt idx="449">
                  <c:v>4490</c:v>
                </c:pt>
                <c:pt idx="450">
                  <c:v>4500</c:v>
                </c:pt>
                <c:pt idx="451">
                  <c:v>4510</c:v>
                </c:pt>
                <c:pt idx="452">
                  <c:v>4520</c:v>
                </c:pt>
                <c:pt idx="453">
                  <c:v>4530</c:v>
                </c:pt>
                <c:pt idx="454">
                  <c:v>4540</c:v>
                </c:pt>
                <c:pt idx="455">
                  <c:v>4550</c:v>
                </c:pt>
                <c:pt idx="456">
                  <c:v>4560</c:v>
                </c:pt>
                <c:pt idx="457">
                  <c:v>4570</c:v>
                </c:pt>
                <c:pt idx="458">
                  <c:v>4580</c:v>
                </c:pt>
                <c:pt idx="459">
                  <c:v>4590</c:v>
                </c:pt>
                <c:pt idx="460">
                  <c:v>4600</c:v>
                </c:pt>
                <c:pt idx="461">
                  <c:v>4610</c:v>
                </c:pt>
                <c:pt idx="462">
                  <c:v>4620</c:v>
                </c:pt>
                <c:pt idx="463">
                  <c:v>4630</c:v>
                </c:pt>
                <c:pt idx="464">
                  <c:v>4640</c:v>
                </c:pt>
                <c:pt idx="465">
                  <c:v>4650</c:v>
                </c:pt>
                <c:pt idx="466">
                  <c:v>4660</c:v>
                </c:pt>
                <c:pt idx="467">
                  <c:v>4670</c:v>
                </c:pt>
                <c:pt idx="468">
                  <c:v>4680</c:v>
                </c:pt>
                <c:pt idx="469">
                  <c:v>4690</c:v>
                </c:pt>
                <c:pt idx="470">
                  <c:v>4700</c:v>
                </c:pt>
                <c:pt idx="471">
                  <c:v>4710</c:v>
                </c:pt>
                <c:pt idx="472">
                  <c:v>4720</c:v>
                </c:pt>
                <c:pt idx="473">
                  <c:v>4730</c:v>
                </c:pt>
                <c:pt idx="474">
                  <c:v>4740</c:v>
                </c:pt>
                <c:pt idx="475">
                  <c:v>4750</c:v>
                </c:pt>
                <c:pt idx="476">
                  <c:v>4760</c:v>
                </c:pt>
                <c:pt idx="477">
                  <c:v>4770</c:v>
                </c:pt>
                <c:pt idx="478">
                  <c:v>4780</c:v>
                </c:pt>
                <c:pt idx="479">
                  <c:v>4790</c:v>
                </c:pt>
                <c:pt idx="480">
                  <c:v>4800</c:v>
                </c:pt>
                <c:pt idx="481">
                  <c:v>4810</c:v>
                </c:pt>
                <c:pt idx="482">
                  <c:v>4820</c:v>
                </c:pt>
                <c:pt idx="483">
                  <c:v>4830</c:v>
                </c:pt>
                <c:pt idx="484">
                  <c:v>4840</c:v>
                </c:pt>
                <c:pt idx="485">
                  <c:v>4850</c:v>
                </c:pt>
                <c:pt idx="486">
                  <c:v>4860</c:v>
                </c:pt>
                <c:pt idx="487">
                  <c:v>4870</c:v>
                </c:pt>
                <c:pt idx="488">
                  <c:v>4880</c:v>
                </c:pt>
                <c:pt idx="489">
                  <c:v>4890</c:v>
                </c:pt>
                <c:pt idx="490">
                  <c:v>4900</c:v>
                </c:pt>
                <c:pt idx="491">
                  <c:v>4910</c:v>
                </c:pt>
                <c:pt idx="492">
                  <c:v>4920</c:v>
                </c:pt>
                <c:pt idx="493">
                  <c:v>4930</c:v>
                </c:pt>
                <c:pt idx="494">
                  <c:v>4940</c:v>
                </c:pt>
                <c:pt idx="495">
                  <c:v>4950</c:v>
                </c:pt>
                <c:pt idx="496">
                  <c:v>4960</c:v>
                </c:pt>
                <c:pt idx="497">
                  <c:v>4970</c:v>
                </c:pt>
                <c:pt idx="498">
                  <c:v>4980</c:v>
                </c:pt>
                <c:pt idx="499">
                  <c:v>4990</c:v>
                </c:pt>
                <c:pt idx="500">
                  <c:v>5000</c:v>
                </c:pt>
                <c:pt idx="501">
                  <c:v>5010</c:v>
                </c:pt>
                <c:pt idx="502">
                  <c:v>5020</c:v>
                </c:pt>
                <c:pt idx="503">
                  <c:v>5030</c:v>
                </c:pt>
                <c:pt idx="504">
                  <c:v>5040</c:v>
                </c:pt>
                <c:pt idx="505">
                  <c:v>5050</c:v>
                </c:pt>
                <c:pt idx="506">
                  <c:v>5060</c:v>
                </c:pt>
                <c:pt idx="507">
                  <c:v>5070</c:v>
                </c:pt>
                <c:pt idx="508">
                  <c:v>5080</c:v>
                </c:pt>
                <c:pt idx="509">
                  <c:v>5090</c:v>
                </c:pt>
                <c:pt idx="510">
                  <c:v>5100</c:v>
                </c:pt>
                <c:pt idx="511">
                  <c:v>5110</c:v>
                </c:pt>
                <c:pt idx="512">
                  <c:v>5120</c:v>
                </c:pt>
                <c:pt idx="513">
                  <c:v>5130</c:v>
                </c:pt>
                <c:pt idx="514">
                  <c:v>5140</c:v>
                </c:pt>
                <c:pt idx="515">
                  <c:v>5150</c:v>
                </c:pt>
                <c:pt idx="516">
                  <c:v>5160</c:v>
                </c:pt>
                <c:pt idx="517">
                  <c:v>5170</c:v>
                </c:pt>
                <c:pt idx="518">
                  <c:v>5180</c:v>
                </c:pt>
                <c:pt idx="519">
                  <c:v>5190</c:v>
                </c:pt>
                <c:pt idx="520">
                  <c:v>5200</c:v>
                </c:pt>
                <c:pt idx="521">
                  <c:v>5210</c:v>
                </c:pt>
                <c:pt idx="522">
                  <c:v>5220</c:v>
                </c:pt>
                <c:pt idx="523">
                  <c:v>5230</c:v>
                </c:pt>
                <c:pt idx="524">
                  <c:v>5240</c:v>
                </c:pt>
                <c:pt idx="525">
                  <c:v>5250</c:v>
                </c:pt>
                <c:pt idx="526">
                  <c:v>5260</c:v>
                </c:pt>
                <c:pt idx="527">
                  <c:v>5270</c:v>
                </c:pt>
                <c:pt idx="528">
                  <c:v>5280</c:v>
                </c:pt>
                <c:pt idx="529">
                  <c:v>5290</c:v>
                </c:pt>
                <c:pt idx="530">
                  <c:v>5300</c:v>
                </c:pt>
                <c:pt idx="531">
                  <c:v>5310</c:v>
                </c:pt>
                <c:pt idx="532">
                  <c:v>5320</c:v>
                </c:pt>
                <c:pt idx="533">
                  <c:v>5330</c:v>
                </c:pt>
                <c:pt idx="534">
                  <c:v>5340</c:v>
                </c:pt>
                <c:pt idx="535">
                  <c:v>5350</c:v>
                </c:pt>
                <c:pt idx="536">
                  <c:v>5360</c:v>
                </c:pt>
                <c:pt idx="537">
                  <c:v>5370</c:v>
                </c:pt>
                <c:pt idx="538">
                  <c:v>5380</c:v>
                </c:pt>
                <c:pt idx="539">
                  <c:v>5390</c:v>
                </c:pt>
                <c:pt idx="540">
                  <c:v>5400</c:v>
                </c:pt>
                <c:pt idx="541">
                  <c:v>5410</c:v>
                </c:pt>
                <c:pt idx="542">
                  <c:v>5420</c:v>
                </c:pt>
                <c:pt idx="543">
                  <c:v>5430</c:v>
                </c:pt>
                <c:pt idx="544">
                  <c:v>5440</c:v>
                </c:pt>
                <c:pt idx="545">
                  <c:v>5450</c:v>
                </c:pt>
                <c:pt idx="546">
                  <c:v>5460</c:v>
                </c:pt>
                <c:pt idx="547">
                  <c:v>5470</c:v>
                </c:pt>
                <c:pt idx="548">
                  <c:v>5480</c:v>
                </c:pt>
                <c:pt idx="549">
                  <c:v>5490</c:v>
                </c:pt>
                <c:pt idx="550">
                  <c:v>5500</c:v>
                </c:pt>
                <c:pt idx="551">
                  <c:v>5510</c:v>
                </c:pt>
                <c:pt idx="552">
                  <c:v>5520</c:v>
                </c:pt>
                <c:pt idx="553">
                  <c:v>5530</c:v>
                </c:pt>
                <c:pt idx="554">
                  <c:v>5540</c:v>
                </c:pt>
                <c:pt idx="555">
                  <c:v>5550</c:v>
                </c:pt>
                <c:pt idx="556">
                  <c:v>5560</c:v>
                </c:pt>
                <c:pt idx="557">
                  <c:v>5570</c:v>
                </c:pt>
                <c:pt idx="558">
                  <c:v>5580</c:v>
                </c:pt>
                <c:pt idx="559">
                  <c:v>5590</c:v>
                </c:pt>
                <c:pt idx="560">
                  <c:v>5600</c:v>
                </c:pt>
                <c:pt idx="561">
                  <c:v>5610</c:v>
                </c:pt>
                <c:pt idx="562">
                  <c:v>5620</c:v>
                </c:pt>
                <c:pt idx="563">
                  <c:v>5630</c:v>
                </c:pt>
                <c:pt idx="564">
                  <c:v>5640</c:v>
                </c:pt>
                <c:pt idx="565">
                  <c:v>5650</c:v>
                </c:pt>
                <c:pt idx="566">
                  <c:v>5660</c:v>
                </c:pt>
                <c:pt idx="567">
                  <c:v>5670</c:v>
                </c:pt>
                <c:pt idx="568">
                  <c:v>5680</c:v>
                </c:pt>
                <c:pt idx="569">
                  <c:v>5690</c:v>
                </c:pt>
                <c:pt idx="570">
                  <c:v>5700</c:v>
                </c:pt>
                <c:pt idx="571">
                  <c:v>5710</c:v>
                </c:pt>
                <c:pt idx="572">
                  <c:v>5720</c:v>
                </c:pt>
                <c:pt idx="573">
                  <c:v>5730</c:v>
                </c:pt>
                <c:pt idx="574">
                  <c:v>5740</c:v>
                </c:pt>
                <c:pt idx="575">
                  <c:v>5750</c:v>
                </c:pt>
                <c:pt idx="576">
                  <c:v>5760</c:v>
                </c:pt>
                <c:pt idx="577">
                  <c:v>5770</c:v>
                </c:pt>
                <c:pt idx="578">
                  <c:v>5780</c:v>
                </c:pt>
                <c:pt idx="579">
                  <c:v>5790</c:v>
                </c:pt>
                <c:pt idx="580">
                  <c:v>5800</c:v>
                </c:pt>
                <c:pt idx="581">
                  <c:v>5810</c:v>
                </c:pt>
                <c:pt idx="582">
                  <c:v>5820</c:v>
                </c:pt>
                <c:pt idx="583">
                  <c:v>5830</c:v>
                </c:pt>
                <c:pt idx="584">
                  <c:v>5840</c:v>
                </c:pt>
                <c:pt idx="585">
                  <c:v>5850</c:v>
                </c:pt>
                <c:pt idx="586">
                  <c:v>5860</c:v>
                </c:pt>
                <c:pt idx="587">
                  <c:v>5870</c:v>
                </c:pt>
                <c:pt idx="588">
                  <c:v>5880</c:v>
                </c:pt>
                <c:pt idx="589">
                  <c:v>5890</c:v>
                </c:pt>
                <c:pt idx="590">
                  <c:v>5900</c:v>
                </c:pt>
                <c:pt idx="591">
                  <c:v>5910</c:v>
                </c:pt>
                <c:pt idx="592">
                  <c:v>5920</c:v>
                </c:pt>
                <c:pt idx="593">
                  <c:v>5930</c:v>
                </c:pt>
                <c:pt idx="594">
                  <c:v>5940</c:v>
                </c:pt>
                <c:pt idx="595">
                  <c:v>5950</c:v>
                </c:pt>
                <c:pt idx="596">
                  <c:v>5960</c:v>
                </c:pt>
                <c:pt idx="597">
                  <c:v>5970</c:v>
                </c:pt>
                <c:pt idx="598">
                  <c:v>5980</c:v>
                </c:pt>
                <c:pt idx="599">
                  <c:v>5990</c:v>
                </c:pt>
                <c:pt idx="600">
                  <c:v>6000</c:v>
                </c:pt>
                <c:pt idx="601">
                  <c:v>6010</c:v>
                </c:pt>
                <c:pt idx="602">
                  <c:v>6020</c:v>
                </c:pt>
                <c:pt idx="603">
                  <c:v>6030</c:v>
                </c:pt>
                <c:pt idx="604">
                  <c:v>6040</c:v>
                </c:pt>
                <c:pt idx="605">
                  <c:v>6050</c:v>
                </c:pt>
                <c:pt idx="606">
                  <c:v>6060</c:v>
                </c:pt>
                <c:pt idx="607">
                  <c:v>6070</c:v>
                </c:pt>
                <c:pt idx="608">
                  <c:v>6080</c:v>
                </c:pt>
                <c:pt idx="609">
                  <c:v>6090</c:v>
                </c:pt>
                <c:pt idx="610">
                  <c:v>6100</c:v>
                </c:pt>
                <c:pt idx="611">
                  <c:v>6110</c:v>
                </c:pt>
                <c:pt idx="612">
                  <c:v>6120</c:v>
                </c:pt>
                <c:pt idx="613">
                  <c:v>6130</c:v>
                </c:pt>
                <c:pt idx="614">
                  <c:v>6140</c:v>
                </c:pt>
                <c:pt idx="615">
                  <c:v>6150</c:v>
                </c:pt>
                <c:pt idx="616">
                  <c:v>6160</c:v>
                </c:pt>
                <c:pt idx="617">
                  <c:v>6170</c:v>
                </c:pt>
                <c:pt idx="618">
                  <c:v>6180</c:v>
                </c:pt>
                <c:pt idx="619">
                  <c:v>6190</c:v>
                </c:pt>
                <c:pt idx="620">
                  <c:v>6200</c:v>
                </c:pt>
                <c:pt idx="621">
                  <c:v>6210</c:v>
                </c:pt>
                <c:pt idx="622">
                  <c:v>6220</c:v>
                </c:pt>
                <c:pt idx="623">
                  <c:v>6230</c:v>
                </c:pt>
                <c:pt idx="624">
                  <c:v>6240</c:v>
                </c:pt>
                <c:pt idx="625">
                  <c:v>6250</c:v>
                </c:pt>
                <c:pt idx="626">
                  <c:v>6260</c:v>
                </c:pt>
                <c:pt idx="627">
                  <c:v>6270</c:v>
                </c:pt>
                <c:pt idx="628">
                  <c:v>6280</c:v>
                </c:pt>
                <c:pt idx="629">
                  <c:v>6290</c:v>
                </c:pt>
                <c:pt idx="630">
                  <c:v>6300</c:v>
                </c:pt>
                <c:pt idx="631">
                  <c:v>6310</c:v>
                </c:pt>
                <c:pt idx="632">
                  <c:v>6320</c:v>
                </c:pt>
                <c:pt idx="633">
                  <c:v>6330</c:v>
                </c:pt>
                <c:pt idx="634">
                  <c:v>6340</c:v>
                </c:pt>
                <c:pt idx="635">
                  <c:v>6350</c:v>
                </c:pt>
                <c:pt idx="636">
                  <c:v>6360</c:v>
                </c:pt>
                <c:pt idx="637">
                  <c:v>6370</c:v>
                </c:pt>
                <c:pt idx="638">
                  <c:v>6380</c:v>
                </c:pt>
                <c:pt idx="639">
                  <c:v>6390</c:v>
                </c:pt>
                <c:pt idx="640">
                  <c:v>6400</c:v>
                </c:pt>
                <c:pt idx="641">
                  <c:v>6410</c:v>
                </c:pt>
                <c:pt idx="642">
                  <c:v>6420</c:v>
                </c:pt>
                <c:pt idx="643">
                  <c:v>6430</c:v>
                </c:pt>
                <c:pt idx="644">
                  <c:v>6440</c:v>
                </c:pt>
                <c:pt idx="645">
                  <c:v>6450</c:v>
                </c:pt>
                <c:pt idx="646">
                  <c:v>6460</c:v>
                </c:pt>
                <c:pt idx="647">
                  <c:v>6470</c:v>
                </c:pt>
                <c:pt idx="648">
                  <c:v>6480</c:v>
                </c:pt>
                <c:pt idx="649">
                  <c:v>6490</c:v>
                </c:pt>
                <c:pt idx="650">
                  <c:v>6500</c:v>
                </c:pt>
                <c:pt idx="651">
                  <c:v>6510</c:v>
                </c:pt>
                <c:pt idx="652">
                  <c:v>6520</c:v>
                </c:pt>
                <c:pt idx="653">
                  <c:v>6530</c:v>
                </c:pt>
                <c:pt idx="654">
                  <c:v>6540</c:v>
                </c:pt>
                <c:pt idx="655">
                  <c:v>6550</c:v>
                </c:pt>
                <c:pt idx="656">
                  <c:v>6560</c:v>
                </c:pt>
                <c:pt idx="657">
                  <c:v>6570</c:v>
                </c:pt>
                <c:pt idx="658">
                  <c:v>6580</c:v>
                </c:pt>
                <c:pt idx="659">
                  <c:v>6590</c:v>
                </c:pt>
                <c:pt idx="660">
                  <c:v>6600</c:v>
                </c:pt>
                <c:pt idx="661">
                  <c:v>6610</c:v>
                </c:pt>
                <c:pt idx="662">
                  <c:v>6620</c:v>
                </c:pt>
                <c:pt idx="663">
                  <c:v>6630</c:v>
                </c:pt>
                <c:pt idx="664">
                  <c:v>6640</c:v>
                </c:pt>
                <c:pt idx="665">
                  <c:v>6650</c:v>
                </c:pt>
                <c:pt idx="666">
                  <c:v>6660</c:v>
                </c:pt>
                <c:pt idx="667">
                  <c:v>6670</c:v>
                </c:pt>
                <c:pt idx="668">
                  <c:v>6680</c:v>
                </c:pt>
                <c:pt idx="669">
                  <c:v>6690</c:v>
                </c:pt>
                <c:pt idx="670">
                  <c:v>6700</c:v>
                </c:pt>
                <c:pt idx="671">
                  <c:v>6710</c:v>
                </c:pt>
                <c:pt idx="672">
                  <c:v>6720</c:v>
                </c:pt>
                <c:pt idx="673">
                  <c:v>6730</c:v>
                </c:pt>
                <c:pt idx="674">
                  <c:v>6740</c:v>
                </c:pt>
                <c:pt idx="675">
                  <c:v>6750</c:v>
                </c:pt>
                <c:pt idx="676">
                  <c:v>6760</c:v>
                </c:pt>
                <c:pt idx="677">
                  <c:v>6770</c:v>
                </c:pt>
                <c:pt idx="678">
                  <c:v>6780</c:v>
                </c:pt>
                <c:pt idx="679">
                  <c:v>6790</c:v>
                </c:pt>
                <c:pt idx="680">
                  <c:v>6800</c:v>
                </c:pt>
                <c:pt idx="681">
                  <c:v>6810</c:v>
                </c:pt>
                <c:pt idx="682">
                  <c:v>6820</c:v>
                </c:pt>
                <c:pt idx="683">
                  <c:v>6830</c:v>
                </c:pt>
                <c:pt idx="684">
                  <c:v>6840</c:v>
                </c:pt>
                <c:pt idx="685">
                  <c:v>6850</c:v>
                </c:pt>
                <c:pt idx="686">
                  <c:v>6860</c:v>
                </c:pt>
                <c:pt idx="687">
                  <c:v>6870</c:v>
                </c:pt>
                <c:pt idx="688">
                  <c:v>6880</c:v>
                </c:pt>
                <c:pt idx="689">
                  <c:v>6890</c:v>
                </c:pt>
                <c:pt idx="690">
                  <c:v>6900</c:v>
                </c:pt>
                <c:pt idx="691">
                  <c:v>6910</c:v>
                </c:pt>
                <c:pt idx="692">
                  <c:v>6920</c:v>
                </c:pt>
                <c:pt idx="693">
                  <c:v>6930</c:v>
                </c:pt>
                <c:pt idx="694">
                  <c:v>6940</c:v>
                </c:pt>
                <c:pt idx="695">
                  <c:v>6950</c:v>
                </c:pt>
                <c:pt idx="696">
                  <c:v>6960</c:v>
                </c:pt>
                <c:pt idx="697">
                  <c:v>6970</c:v>
                </c:pt>
                <c:pt idx="698">
                  <c:v>6980</c:v>
                </c:pt>
                <c:pt idx="699">
                  <c:v>6990</c:v>
                </c:pt>
                <c:pt idx="700">
                  <c:v>7000</c:v>
                </c:pt>
                <c:pt idx="701">
                  <c:v>7010</c:v>
                </c:pt>
                <c:pt idx="702">
                  <c:v>7020</c:v>
                </c:pt>
                <c:pt idx="703">
                  <c:v>7030</c:v>
                </c:pt>
                <c:pt idx="704">
                  <c:v>7040</c:v>
                </c:pt>
                <c:pt idx="705">
                  <c:v>7050</c:v>
                </c:pt>
                <c:pt idx="706">
                  <c:v>7060</c:v>
                </c:pt>
                <c:pt idx="707">
                  <c:v>7070</c:v>
                </c:pt>
                <c:pt idx="708">
                  <c:v>7080</c:v>
                </c:pt>
                <c:pt idx="709">
                  <c:v>7090</c:v>
                </c:pt>
                <c:pt idx="710">
                  <c:v>7100</c:v>
                </c:pt>
                <c:pt idx="711">
                  <c:v>7110</c:v>
                </c:pt>
                <c:pt idx="712">
                  <c:v>7120</c:v>
                </c:pt>
                <c:pt idx="713">
                  <c:v>7130</c:v>
                </c:pt>
                <c:pt idx="714">
                  <c:v>7140</c:v>
                </c:pt>
                <c:pt idx="715">
                  <c:v>7150</c:v>
                </c:pt>
                <c:pt idx="716">
                  <c:v>7160</c:v>
                </c:pt>
                <c:pt idx="717">
                  <c:v>7170</c:v>
                </c:pt>
                <c:pt idx="718">
                  <c:v>7180</c:v>
                </c:pt>
                <c:pt idx="719">
                  <c:v>7190</c:v>
                </c:pt>
                <c:pt idx="720">
                  <c:v>7200</c:v>
                </c:pt>
                <c:pt idx="721">
                  <c:v>7210</c:v>
                </c:pt>
                <c:pt idx="722">
                  <c:v>7220</c:v>
                </c:pt>
                <c:pt idx="723">
                  <c:v>7230</c:v>
                </c:pt>
                <c:pt idx="724">
                  <c:v>7240</c:v>
                </c:pt>
                <c:pt idx="725">
                  <c:v>7250</c:v>
                </c:pt>
                <c:pt idx="726">
                  <c:v>7260</c:v>
                </c:pt>
                <c:pt idx="727">
                  <c:v>7270</c:v>
                </c:pt>
                <c:pt idx="728">
                  <c:v>7280</c:v>
                </c:pt>
                <c:pt idx="729">
                  <c:v>7290</c:v>
                </c:pt>
                <c:pt idx="730">
                  <c:v>7300</c:v>
                </c:pt>
                <c:pt idx="731">
                  <c:v>7310</c:v>
                </c:pt>
                <c:pt idx="732">
                  <c:v>7320</c:v>
                </c:pt>
                <c:pt idx="733">
                  <c:v>7330</c:v>
                </c:pt>
                <c:pt idx="734">
                  <c:v>7340</c:v>
                </c:pt>
                <c:pt idx="735">
                  <c:v>7350</c:v>
                </c:pt>
                <c:pt idx="736">
                  <c:v>7360</c:v>
                </c:pt>
                <c:pt idx="737">
                  <c:v>7370</c:v>
                </c:pt>
                <c:pt idx="738">
                  <c:v>7380</c:v>
                </c:pt>
                <c:pt idx="739">
                  <c:v>7390</c:v>
                </c:pt>
                <c:pt idx="740">
                  <c:v>7400</c:v>
                </c:pt>
                <c:pt idx="741">
                  <c:v>7410</c:v>
                </c:pt>
                <c:pt idx="742">
                  <c:v>7420</c:v>
                </c:pt>
                <c:pt idx="743">
                  <c:v>7430</c:v>
                </c:pt>
                <c:pt idx="744">
                  <c:v>7440</c:v>
                </c:pt>
                <c:pt idx="745">
                  <c:v>7450</c:v>
                </c:pt>
                <c:pt idx="746">
                  <c:v>7460</c:v>
                </c:pt>
                <c:pt idx="747">
                  <c:v>7470</c:v>
                </c:pt>
                <c:pt idx="748">
                  <c:v>7480</c:v>
                </c:pt>
                <c:pt idx="749">
                  <c:v>7490</c:v>
                </c:pt>
                <c:pt idx="750">
                  <c:v>7500</c:v>
                </c:pt>
                <c:pt idx="751">
                  <c:v>7510</c:v>
                </c:pt>
                <c:pt idx="752">
                  <c:v>7520</c:v>
                </c:pt>
                <c:pt idx="753">
                  <c:v>7530</c:v>
                </c:pt>
                <c:pt idx="754">
                  <c:v>7540</c:v>
                </c:pt>
                <c:pt idx="755">
                  <c:v>7550</c:v>
                </c:pt>
                <c:pt idx="756">
                  <c:v>7560</c:v>
                </c:pt>
                <c:pt idx="757">
                  <c:v>7570</c:v>
                </c:pt>
                <c:pt idx="758">
                  <c:v>7580</c:v>
                </c:pt>
                <c:pt idx="759">
                  <c:v>7590</c:v>
                </c:pt>
                <c:pt idx="760">
                  <c:v>7600</c:v>
                </c:pt>
                <c:pt idx="761">
                  <c:v>7610</c:v>
                </c:pt>
                <c:pt idx="762">
                  <c:v>7620</c:v>
                </c:pt>
                <c:pt idx="763">
                  <c:v>7630</c:v>
                </c:pt>
                <c:pt idx="764">
                  <c:v>7640</c:v>
                </c:pt>
                <c:pt idx="765">
                  <c:v>7650</c:v>
                </c:pt>
                <c:pt idx="766">
                  <c:v>7660</c:v>
                </c:pt>
                <c:pt idx="767">
                  <c:v>7670</c:v>
                </c:pt>
                <c:pt idx="768">
                  <c:v>7680</c:v>
                </c:pt>
                <c:pt idx="769">
                  <c:v>7690</c:v>
                </c:pt>
                <c:pt idx="770">
                  <c:v>7700</c:v>
                </c:pt>
                <c:pt idx="771">
                  <c:v>7710</c:v>
                </c:pt>
                <c:pt idx="772">
                  <c:v>7720</c:v>
                </c:pt>
                <c:pt idx="773">
                  <c:v>7730</c:v>
                </c:pt>
                <c:pt idx="774">
                  <c:v>7740</c:v>
                </c:pt>
                <c:pt idx="775">
                  <c:v>7750</c:v>
                </c:pt>
                <c:pt idx="776">
                  <c:v>7760</c:v>
                </c:pt>
                <c:pt idx="777">
                  <c:v>7770</c:v>
                </c:pt>
                <c:pt idx="778">
                  <c:v>7780</c:v>
                </c:pt>
                <c:pt idx="779">
                  <c:v>7790</c:v>
                </c:pt>
                <c:pt idx="780">
                  <c:v>7800</c:v>
                </c:pt>
                <c:pt idx="781">
                  <c:v>7810</c:v>
                </c:pt>
                <c:pt idx="782">
                  <c:v>7820</c:v>
                </c:pt>
                <c:pt idx="783">
                  <c:v>7830</c:v>
                </c:pt>
                <c:pt idx="784">
                  <c:v>7840</c:v>
                </c:pt>
                <c:pt idx="785">
                  <c:v>7850</c:v>
                </c:pt>
                <c:pt idx="786">
                  <c:v>7860</c:v>
                </c:pt>
                <c:pt idx="787">
                  <c:v>7870</c:v>
                </c:pt>
                <c:pt idx="788">
                  <c:v>7880</c:v>
                </c:pt>
                <c:pt idx="789">
                  <c:v>7890</c:v>
                </c:pt>
                <c:pt idx="790">
                  <c:v>7900</c:v>
                </c:pt>
                <c:pt idx="791">
                  <c:v>7910</c:v>
                </c:pt>
                <c:pt idx="792">
                  <c:v>7920</c:v>
                </c:pt>
                <c:pt idx="793">
                  <c:v>7930</c:v>
                </c:pt>
                <c:pt idx="794">
                  <c:v>7940</c:v>
                </c:pt>
                <c:pt idx="795">
                  <c:v>7950</c:v>
                </c:pt>
                <c:pt idx="796">
                  <c:v>7960</c:v>
                </c:pt>
                <c:pt idx="797">
                  <c:v>7970</c:v>
                </c:pt>
                <c:pt idx="798">
                  <c:v>7980</c:v>
                </c:pt>
                <c:pt idx="799">
                  <c:v>7990</c:v>
                </c:pt>
                <c:pt idx="800">
                  <c:v>8000</c:v>
                </c:pt>
                <c:pt idx="801">
                  <c:v>8010</c:v>
                </c:pt>
                <c:pt idx="802">
                  <c:v>8020</c:v>
                </c:pt>
                <c:pt idx="803">
                  <c:v>8030</c:v>
                </c:pt>
                <c:pt idx="804">
                  <c:v>8040</c:v>
                </c:pt>
                <c:pt idx="805">
                  <c:v>8050</c:v>
                </c:pt>
                <c:pt idx="806">
                  <c:v>8060</c:v>
                </c:pt>
                <c:pt idx="807">
                  <c:v>8070</c:v>
                </c:pt>
                <c:pt idx="808">
                  <c:v>8080</c:v>
                </c:pt>
                <c:pt idx="809">
                  <c:v>8090</c:v>
                </c:pt>
                <c:pt idx="810">
                  <c:v>8100</c:v>
                </c:pt>
                <c:pt idx="811">
                  <c:v>8110</c:v>
                </c:pt>
                <c:pt idx="812">
                  <c:v>8120</c:v>
                </c:pt>
                <c:pt idx="813">
                  <c:v>8130</c:v>
                </c:pt>
                <c:pt idx="814">
                  <c:v>8140</c:v>
                </c:pt>
                <c:pt idx="815">
                  <c:v>8150</c:v>
                </c:pt>
                <c:pt idx="816">
                  <c:v>8160</c:v>
                </c:pt>
                <c:pt idx="817">
                  <c:v>8170</c:v>
                </c:pt>
                <c:pt idx="818">
                  <c:v>8180</c:v>
                </c:pt>
                <c:pt idx="819">
                  <c:v>8190</c:v>
                </c:pt>
                <c:pt idx="820">
                  <c:v>8200</c:v>
                </c:pt>
                <c:pt idx="821">
                  <c:v>8210</c:v>
                </c:pt>
                <c:pt idx="822">
                  <c:v>8220</c:v>
                </c:pt>
                <c:pt idx="823">
                  <c:v>8230</c:v>
                </c:pt>
                <c:pt idx="824">
                  <c:v>8240</c:v>
                </c:pt>
                <c:pt idx="825">
                  <c:v>8250</c:v>
                </c:pt>
                <c:pt idx="826">
                  <c:v>8260</c:v>
                </c:pt>
                <c:pt idx="827">
                  <c:v>8270</c:v>
                </c:pt>
                <c:pt idx="828">
                  <c:v>8280</c:v>
                </c:pt>
                <c:pt idx="829">
                  <c:v>8290</c:v>
                </c:pt>
                <c:pt idx="830">
                  <c:v>8300</c:v>
                </c:pt>
                <c:pt idx="831">
                  <c:v>8310</c:v>
                </c:pt>
                <c:pt idx="832">
                  <c:v>8320</c:v>
                </c:pt>
                <c:pt idx="833">
                  <c:v>8330</c:v>
                </c:pt>
                <c:pt idx="834">
                  <c:v>8340</c:v>
                </c:pt>
                <c:pt idx="835">
                  <c:v>8350</c:v>
                </c:pt>
                <c:pt idx="836">
                  <c:v>8360</c:v>
                </c:pt>
                <c:pt idx="837">
                  <c:v>8370</c:v>
                </c:pt>
                <c:pt idx="838">
                  <c:v>8380</c:v>
                </c:pt>
                <c:pt idx="839">
                  <c:v>8390</c:v>
                </c:pt>
                <c:pt idx="840">
                  <c:v>8400</c:v>
                </c:pt>
                <c:pt idx="841">
                  <c:v>8410</c:v>
                </c:pt>
                <c:pt idx="842">
                  <c:v>8420</c:v>
                </c:pt>
                <c:pt idx="843">
                  <c:v>8430</c:v>
                </c:pt>
                <c:pt idx="844">
                  <c:v>8440</c:v>
                </c:pt>
                <c:pt idx="845">
                  <c:v>8450</c:v>
                </c:pt>
                <c:pt idx="846">
                  <c:v>8460</c:v>
                </c:pt>
                <c:pt idx="847">
                  <c:v>8470</c:v>
                </c:pt>
                <c:pt idx="848">
                  <c:v>8480</c:v>
                </c:pt>
                <c:pt idx="849">
                  <c:v>8490</c:v>
                </c:pt>
                <c:pt idx="850">
                  <c:v>8500</c:v>
                </c:pt>
                <c:pt idx="851">
                  <c:v>8510</c:v>
                </c:pt>
                <c:pt idx="852">
                  <c:v>8520</c:v>
                </c:pt>
                <c:pt idx="853">
                  <c:v>8530</c:v>
                </c:pt>
                <c:pt idx="854">
                  <c:v>8540</c:v>
                </c:pt>
                <c:pt idx="855">
                  <c:v>8550</c:v>
                </c:pt>
                <c:pt idx="856">
                  <c:v>8560</c:v>
                </c:pt>
                <c:pt idx="857">
                  <c:v>8570</c:v>
                </c:pt>
                <c:pt idx="858">
                  <c:v>8580</c:v>
                </c:pt>
                <c:pt idx="859">
                  <c:v>8590</c:v>
                </c:pt>
                <c:pt idx="860">
                  <c:v>8600</c:v>
                </c:pt>
                <c:pt idx="861">
                  <c:v>8610</c:v>
                </c:pt>
                <c:pt idx="862">
                  <c:v>8620</c:v>
                </c:pt>
                <c:pt idx="863">
                  <c:v>8630</c:v>
                </c:pt>
                <c:pt idx="864">
                  <c:v>8640</c:v>
                </c:pt>
                <c:pt idx="865">
                  <c:v>8650</c:v>
                </c:pt>
                <c:pt idx="866">
                  <c:v>8660</c:v>
                </c:pt>
                <c:pt idx="867">
                  <c:v>8670</c:v>
                </c:pt>
                <c:pt idx="868">
                  <c:v>8680</c:v>
                </c:pt>
                <c:pt idx="869">
                  <c:v>8690</c:v>
                </c:pt>
                <c:pt idx="870">
                  <c:v>8700</c:v>
                </c:pt>
                <c:pt idx="871">
                  <c:v>8710</c:v>
                </c:pt>
                <c:pt idx="872">
                  <c:v>8720</c:v>
                </c:pt>
                <c:pt idx="873">
                  <c:v>8730</c:v>
                </c:pt>
                <c:pt idx="874">
                  <c:v>8740</c:v>
                </c:pt>
                <c:pt idx="875">
                  <c:v>8750</c:v>
                </c:pt>
                <c:pt idx="876">
                  <c:v>8760</c:v>
                </c:pt>
                <c:pt idx="877">
                  <c:v>8770</c:v>
                </c:pt>
                <c:pt idx="878">
                  <c:v>8780</c:v>
                </c:pt>
                <c:pt idx="879">
                  <c:v>8790</c:v>
                </c:pt>
                <c:pt idx="880">
                  <c:v>8800</c:v>
                </c:pt>
                <c:pt idx="881">
                  <c:v>8810</c:v>
                </c:pt>
                <c:pt idx="882">
                  <c:v>8820</c:v>
                </c:pt>
                <c:pt idx="883">
                  <c:v>8830</c:v>
                </c:pt>
                <c:pt idx="884">
                  <c:v>8840</c:v>
                </c:pt>
                <c:pt idx="885">
                  <c:v>8850</c:v>
                </c:pt>
                <c:pt idx="886">
                  <c:v>8860</c:v>
                </c:pt>
                <c:pt idx="887">
                  <c:v>8870</c:v>
                </c:pt>
                <c:pt idx="888">
                  <c:v>8880</c:v>
                </c:pt>
                <c:pt idx="889">
                  <c:v>8890</c:v>
                </c:pt>
                <c:pt idx="890">
                  <c:v>8900</c:v>
                </c:pt>
                <c:pt idx="891">
                  <c:v>8910</c:v>
                </c:pt>
                <c:pt idx="892">
                  <c:v>8920</c:v>
                </c:pt>
                <c:pt idx="893">
                  <c:v>8930</c:v>
                </c:pt>
                <c:pt idx="894">
                  <c:v>8940</c:v>
                </c:pt>
                <c:pt idx="895">
                  <c:v>8950</c:v>
                </c:pt>
                <c:pt idx="896">
                  <c:v>8960</c:v>
                </c:pt>
                <c:pt idx="897">
                  <c:v>8970</c:v>
                </c:pt>
                <c:pt idx="898">
                  <c:v>8980</c:v>
                </c:pt>
                <c:pt idx="899">
                  <c:v>8990</c:v>
                </c:pt>
                <c:pt idx="900">
                  <c:v>9000</c:v>
                </c:pt>
                <c:pt idx="901">
                  <c:v>9010</c:v>
                </c:pt>
                <c:pt idx="902">
                  <c:v>9020</c:v>
                </c:pt>
                <c:pt idx="903">
                  <c:v>9030</c:v>
                </c:pt>
                <c:pt idx="904">
                  <c:v>9040</c:v>
                </c:pt>
                <c:pt idx="905">
                  <c:v>9050</c:v>
                </c:pt>
                <c:pt idx="906">
                  <c:v>9060</c:v>
                </c:pt>
                <c:pt idx="907">
                  <c:v>9070</c:v>
                </c:pt>
                <c:pt idx="908">
                  <c:v>9080</c:v>
                </c:pt>
                <c:pt idx="909">
                  <c:v>9090</c:v>
                </c:pt>
                <c:pt idx="910">
                  <c:v>9100</c:v>
                </c:pt>
                <c:pt idx="911">
                  <c:v>9110</c:v>
                </c:pt>
                <c:pt idx="912">
                  <c:v>9120</c:v>
                </c:pt>
                <c:pt idx="913">
                  <c:v>9130</c:v>
                </c:pt>
                <c:pt idx="914">
                  <c:v>9140</c:v>
                </c:pt>
                <c:pt idx="915">
                  <c:v>9150</c:v>
                </c:pt>
                <c:pt idx="916">
                  <c:v>9160</c:v>
                </c:pt>
                <c:pt idx="917">
                  <c:v>9170</c:v>
                </c:pt>
                <c:pt idx="918">
                  <c:v>9180</c:v>
                </c:pt>
                <c:pt idx="919">
                  <c:v>9190</c:v>
                </c:pt>
                <c:pt idx="920">
                  <c:v>9200</c:v>
                </c:pt>
                <c:pt idx="921">
                  <c:v>9210</c:v>
                </c:pt>
                <c:pt idx="922">
                  <c:v>9220</c:v>
                </c:pt>
                <c:pt idx="923">
                  <c:v>9230</c:v>
                </c:pt>
                <c:pt idx="924">
                  <c:v>9240</c:v>
                </c:pt>
                <c:pt idx="925">
                  <c:v>9250</c:v>
                </c:pt>
                <c:pt idx="926">
                  <c:v>9260</c:v>
                </c:pt>
                <c:pt idx="927">
                  <c:v>9270</c:v>
                </c:pt>
                <c:pt idx="928">
                  <c:v>9280</c:v>
                </c:pt>
                <c:pt idx="929">
                  <c:v>9290</c:v>
                </c:pt>
                <c:pt idx="930">
                  <c:v>9300</c:v>
                </c:pt>
                <c:pt idx="931">
                  <c:v>9310</c:v>
                </c:pt>
                <c:pt idx="932">
                  <c:v>9320</c:v>
                </c:pt>
                <c:pt idx="933">
                  <c:v>9330</c:v>
                </c:pt>
                <c:pt idx="934">
                  <c:v>9340</c:v>
                </c:pt>
                <c:pt idx="935">
                  <c:v>9350</c:v>
                </c:pt>
                <c:pt idx="936">
                  <c:v>9360</c:v>
                </c:pt>
                <c:pt idx="937">
                  <c:v>9370</c:v>
                </c:pt>
                <c:pt idx="938">
                  <c:v>9380</c:v>
                </c:pt>
                <c:pt idx="939">
                  <c:v>9390</c:v>
                </c:pt>
                <c:pt idx="940">
                  <c:v>9400</c:v>
                </c:pt>
                <c:pt idx="941">
                  <c:v>9410</c:v>
                </c:pt>
                <c:pt idx="942">
                  <c:v>9420</c:v>
                </c:pt>
                <c:pt idx="943">
                  <c:v>9430</c:v>
                </c:pt>
                <c:pt idx="944">
                  <c:v>9440</c:v>
                </c:pt>
                <c:pt idx="945">
                  <c:v>9450</c:v>
                </c:pt>
                <c:pt idx="946">
                  <c:v>9460</c:v>
                </c:pt>
                <c:pt idx="947">
                  <c:v>9470</c:v>
                </c:pt>
                <c:pt idx="948">
                  <c:v>9480</c:v>
                </c:pt>
                <c:pt idx="949">
                  <c:v>9490</c:v>
                </c:pt>
                <c:pt idx="950">
                  <c:v>9500</c:v>
                </c:pt>
                <c:pt idx="951">
                  <c:v>9510</c:v>
                </c:pt>
                <c:pt idx="952">
                  <c:v>9520</c:v>
                </c:pt>
                <c:pt idx="953">
                  <c:v>9530</c:v>
                </c:pt>
                <c:pt idx="954">
                  <c:v>9540</c:v>
                </c:pt>
                <c:pt idx="955">
                  <c:v>9550</c:v>
                </c:pt>
                <c:pt idx="956">
                  <c:v>9560</c:v>
                </c:pt>
                <c:pt idx="957">
                  <c:v>9570</c:v>
                </c:pt>
                <c:pt idx="958">
                  <c:v>9580</c:v>
                </c:pt>
                <c:pt idx="959">
                  <c:v>9590</c:v>
                </c:pt>
                <c:pt idx="960">
                  <c:v>9600</c:v>
                </c:pt>
                <c:pt idx="961">
                  <c:v>9610</c:v>
                </c:pt>
                <c:pt idx="962">
                  <c:v>9620</c:v>
                </c:pt>
                <c:pt idx="963">
                  <c:v>9630</c:v>
                </c:pt>
                <c:pt idx="964">
                  <c:v>9640</c:v>
                </c:pt>
                <c:pt idx="965">
                  <c:v>9650</c:v>
                </c:pt>
                <c:pt idx="966">
                  <c:v>9660</c:v>
                </c:pt>
                <c:pt idx="967">
                  <c:v>9670</c:v>
                </c:pt>
                <c:pt idx="968">
                  <c:v>9680</c:v>
                </c:pt>
                <c:pt idx="969">
                  <c:v>9690</c:v>
                </c:pt>
                <c:pt idx="970">
                  <c:v>9700</c:v>
                </c:pt>
                <c:pt idx="971">
                  <c:v>9710</c:v>
                </c:pt>
                <c:pt idx="972">
                  <c:v>9720</c:v>
                </c:pt>
                <c:pt idx="973">
                  <c:v>9730</c:v>
                </c:pt>
                <c:pt idx="974">
                  <c:v>9740</c:v>
                </c:pt>
                <c:pt idx="975">
                  <c:v>9750</c:v>
                </c:pt>
                <c:pt idx="976">
                  <c:v>9760</c:v>
                </c:pt>
                <c:pt idx="977">
                  <c:v>9770</c:v>
                </c:pt>
                <c:pt idx="978">
                  <c:v>9780</c:v>
                </c:pt>
                <c:pt idx="979">
                  <c:v>9790</c:v>
                </c:pt>
                <c:pt idx="980">
                  <c:v>9800</c:v>
                </c:pt>
                <c:pt idx="981">
                  <c:v>9810</c:v>
                </c:pt>
                <c:pt idx="982">
                  <c:v>9820</c:v>
                </c:pt>
                <c:pt idx="983">
                  <c:v>9830</c:v>
                </c:pt>
                <c:pt idx="984">
                  <c:v>9840</c:v>
                </c:pt>
                <c:pt idx="985">
                  <c:v>9850</c:v>
                </c:pt>
                <c:pt idx="986">
                  <c:v>9860</c:v>
                </c:pt>
                <c:pt idx="987">
                  <c:v>9870</c:v>
                </c:pt>
                <c:pt idx="988">
                  <c:v>9880</c:v>
                </c:pt>
                <c:pt idx="989">
                  <c:v>9890</c:v>
                </c:pt>
                <c:pt idx="990">
                  <c:v>9900</c:v>
                </c:pt>
                <c:pt idx="991">
                  <c:v>9910</c:v>
                </c:pt>
                <c:pt idx="992">
                  <c:v>9920</c:v>
                </c:pt>
                <c:pt idx="993">
                  <c:v>9930</c:v>
                </c:pt>
                <c:pt idx="994">
                  <c:v>9940</c:v>
                </c:pt>
                <c:pt idx="995">
                  <c:v>9950</c:v>
                </c:pt>
                <c:pt idx="996">
                  <c:v>9960</c:v>
                </c:pt>
                <c:pt idx="997">
                  <c:v>9970</c:v>
                </c:pt>
                <c:pt idx="998">
                  <c:v>9980</c:v>
                </c:pt>
                <c:pt idx="999">
                  <c:v>9990</c:v>
                </c:pt>
                <c:pt idx="1000">
                  <c:v>10000</c:v>
                </c:pt>
                <c:pt idx="1001">
                  <c:v>10010</c:v>
                </c:pt>
                <c:pt idx="1002">
                  <c:v>10020</c:v>
                </c:pt>
                <c:pt idx="1003">
                  <c:v>10030</c:v>
                </c:pt>
                <c:pt idx="1004">
                  <c:v>10040</c:v>
                </c:pt>
                <c:pt idx="1005">
                  <c:v>10050</c:v>
                </c:pt>
                <c:pt idx="1006">
                  <c:v>10060</c:v>
                </c:pt>
                <c:pt idx="1007">
                  <c:v>10070</c:v>
                </c:pt>
                <c:pt idx="1008">
                  <c:v>10080</c:v>
                </c:pt>
                <c:pt idx="1009">
                  <c:v>10090</c:v>
                </c:pt>
                <c:pt idx="1010">
                  <c:v>10100</c:v>
                </c:pt>
                <c:pt idx="1011">
                  <c:v>10110</c:v>
                </c:pt>
                <c:pt idx="1012">
                  <c:v>10120</c:v>
                </c:pt>
                <c:pt idx="1013">
                  <c:v>10130</c:v>
                </c:pt>
                <c:pt idx="1014">
                  <c:v>10140</c:v>
                </c:pt>
                <c:pt idx="1015">
                  <c:v>10150</c:v>
                </c:pt>
                <c:pt idx="1016">
                  <c:v>10160</c:v>
                </c:pt>
                <c:pt idx="1017">
                  <c:v>10170</c:v>
                </c:pt>
                <c:pt idx="1018">
                  <c:v>10180</c:v>
                </c:pt>
                <c:pt idx="1019">
                  <c:v>10190</c:v>
                </c:pt>
                <c:pt idx="1020">
                  <c:v>10200</c:v>
                </c:pt>
                <c:pt idx="1021">
                  <c:v>10210</c:v>
                </c:pt>
                <c:pt idx="1022">
                  <c:v>10220</c:v>
                </c:pt>
                <c:pt idx="1023">
                  <c:v>10230</c:v>
                </c:pt>
                <c:pt idx="1024">
                  <c:v>10240</c:v>
                </c:pt>
                <c:pt idx="1025">
                  <c:v>10250</c:v>
                </c:pt>
                <c:pt idx="1026">
                  <c:v>10260</c:v>
                </c:pt>
                <c:pt idx="1027">
                  <c:v>10270</c:v>
                </c:pt>
                <c:pt idx="1028">
                  <c:v>10280</c:v>
                </c:pt>
                <c:pt idx="1029">
                  <c:v>10290</c:v>
                </c:pt>
                <c:pt idx="1030">
                  <c:v>10300</c:v>
                </c:pt>
                <c:pt idx="1031">
                  <c:v>10310</c:v>
                </c:pt>
                <c:pt idx="1032">
                  <c:v>10320</c:v>
                </c:pt>
                <c:pt idx="1033">
                  <c:v>10330</c:v>
                </c:pt>
                <c:pt idx="1034">
                  <c:v>10340</c:v>
                </c:pt>
                <c:pt idx="1035">
                  <c:v>10350</c:v>
                </c:pt>
                <c:pt idx="1036">
                  <c:v>10360</c:v>
                </c:pt>
                <c:pt idx="1037">
                  <c:v>10370</c:v>
                </c:pt>
                <c:pt idx="1038">
                  <c:v>10380</c:v>
                </c:pt>
                <c:pt idx="1039">
                  <c:v>10390</c:v>
                </c:pt>
                <c:pt idx="1040">
                  <c:v>10400</c:v>
                </c:pt>
                <c:pt idx="1041">
                  <c:v>10410</c:v>
                </c:pt>
                <c:pt idx="1042">
                  <c:v>10420</c:v>
                </c:pt>
                <c:pt idx="1043">
                  <c:v>10430</c:v>
                </c:pt>
                <c:pt idx="1044">
                  <c:v>10440</c:v>
                </c:pt>
                <c:pt idx="1045">
                  <c:v>10450</c:v>
                </c:pt>
                <c:pt idx="1046">
                  <c:v>10460</c:v>
                </c:pt>
                <c:pt idx="1047">
                  <c:v>10470</c:v>
                </c:pt>
                <c:pt idx="1048">
                  <c:v>10480</c:v>
                </c:pt>
                <c:pt idx="1049">
                  <c:v>10490</c:v>
                </c:pt>
                <c:pt idx="1050">
                  <c:v>10500</c:v>
                </c:pt>
                <c:pt idx="1051">
                  <c:v>10510</c:v>
                </c:pt>
                <c:pt idx="1052">
                  <c:v>10520</c:v>
                </c:pt>
                <c:pt idx="1053">
                  <c:v>10530</c:v>
                </c:pt>
                <c:pt idx="1054">
                  <c:v>10540</c:v>
                </c:pt>
                <c:pt idx="1055">
                  <c:v>10550</c:v>
                </c:pt>
                <c:pt idx="1056">
                  <c:v>10560</c:v>
                </c:pt>
                <c:pt idx="1057">
                  <c:v>10570</c:v>
                </c:pt>
                <c:pt idx="1058">
                  <c:v>10580</c:v>
                </c:pt>
                <c:pt idx="1059">
                  <c:v>10590</c:v>
                </c:pt>
                <c:pt idx="1060">
                  <c:v>10600</c:v>
                </c:pt>
                <c:pt idx="1061">
                  <c:v>10610</c:v>
                </c:pt>
                <c:pt idx="1062">
                  <c:v>10620</c:v>
                </c:pt>
                <c:pt idx="1063">
                  <c:v>10630</c:v>
                </c:pt>
                <c:pt idx="1064">
                  <c:v>10640</c:v>
                </c:pt>
                <c:pt idx="1065">
                  <c:v>10650</c:v>
                </c:pt>
                <c:pt idx="1066">
                  <c:v>10660</c:v>
                </c:pt>
                <c:pt idx="1067">
                  <c:v>10670</c:v>
                </c:pt>
                <c:pt idx="1068">
                  <c:v>10680</c:v>
                </c:pt>
                <c:pt idx="1069">
                  <c:v>10690</c:v>
                </c:pt>
                <c:pt idx="1070">
                  <c:v>10700</c:v>
                </c:pt>
                <c:pt idx="1071">
                  <c:v>10710</c:v>
                </c:pt>
                <c:pt idx="1072">
                  <c:v>10720</c:v>
                </c:pt>
                <c:pt idx="1073">
                  <c:v>10730</c:v>
                </c:pt>
                <c:pt idx="1074">
                  <c:v>10740</c:v>
                </c:pt>
                <c:pt idx="1075">
                  <c:v>10750</c:v>
                </c:pt>
                <c:pt idx="1076">
                  <c:v>10760</c:v>
                </c:pt>
                <c:pt idx="1077">
                  <c:v>10770</c:v>
                </c:pt>
                <c:pt idx="1078">
                  <c:v>10780</c:v>
                </c:pt>
                <c:pt idx="1079">
                  <c:v>10790</c:v>
                </c:pt>
                <c:pt idx="1080">
                  <c:v>10800</c:v>
                </c:pt>
                <c:pt idx="1081">
                  <c:v>10810</c:v>
                </c:pt>
                <c:pt idx="1082">
                  <c:v>10820</c:v>
                </c:pt>
                <c:pt idx="1083">
                  <c:v>10830</c:v>
                </c:pt>
                <c:pt idx="1084">
                  <c:v>10840</c:v>
                </c:pt>
                <c:pt idx="1085">
                  <c:v>10850</c:v>
                </c:pt>
                <c:pt idx="1086">
                  <c:v>10860</c:v>
                </c:pt>
                <c:pt idx="1087">
                  <c:v>10870</c:v>
                </c:pt>
                <c:pt idx="1088">
                  <c:v>10880</c:v>
                </c:pt>
                <c:pt idx="1089">
                  <c:v>10890</c:v>
                </c:pt>
                <c:pt idx="1090">
                  <c:v>10900</c:v>
                </c:pt>
                <c:pt idx="1091">
                  <c:v>10910</c:v>
                </c:pt>
                <c:pt idx="1092">
                  <c:v>10920</c:v>
                </c:pt>
                <c:pt idx="1093">
                  <c:v>10930</c:v>
                </c:pt>
                <c:pt idx="1094">
                  <c:v>10940</c:v>
                </c:pt>
                <c:pt idx="1095">
                  <c:v>10950</c:v>
                </c:pt>
                <c:pt idx="1096">
                  <c:v>10960</c:v>
                </c:pt>
                <c:pt idx="1097">
                  <c:v>10970</c:v>
                </c:pt>
                <c:pt idx="1098">
                  <c:v>10980</c:v>
                </c:pt>
                <c:pt idx="1099">
                  <c:v>10990</c:v>
                </c:pt>
                <c:pt idx="1100">
                  <c:v>11000</c:v>
                </c:pt>
                <c:pt idx="1101">
                  <c:v>11010</c:v>
                </c:pt>
                <c:pt idx="1102">
                  <c:v>11020</c:v>
                </c:pt>
                <c:pt idx="1103">
                  <c:v>11030</c:v>
                </c:pt>
                <c:pt idx="1104">
                  <c:v>11040</c:v>
                </c:pt>
                <c:pt idx="1105">
                  <c:v>11050</c:v>
                </c:pt>
                <c:pt idx="1106">
                  <c:v>11060</c:v>
                </c:pt>
                <c:pt idx="1107">
                  <c:v>11070</c:v>
                </c:pt>
                <c:pt idx="1108">
                  <c:v>11080</c:v>
                </c:pt>
                <c:pt idx="1109">
                  <c:v>11090</c:v>
                </c:pt>
                <c:pt idx="1110">
                  <c:v>11100</c:v>
                </c:pt>
                <c:pt idx="1111">
                  <c:v>11110</c:v>
                </c:pt>
                <c:pt idx="1112">
                  <c:v>11120</c:v>
                </c:pt>
                <c:pt idx="1113">
                  <c:v>11130</c:v>
                </c:pt>
                <c:pt idx="1114">
                  <c:v>11140</c:v>
                </c:pt>
                <c:pt idx="1115">
                  <c:v>11150</c:v>
                </c:pt>
                <c:pt idx="1116">
                  <c:v>11160</c:v>
                </c:pt>
                <c:pt idx="1117">
                  <c:v>11170</c:v>
                </c:pt>
                <c:pt idx="1118">
                  <c:v>11180</c:v>
                </c:pt>
                <c:pt idx="1119">
                  <c:v>11190</c:v>
                </c:pt>
                <c:pt idx="1120">
                  <c:v>11200</c:v>
                </c:pt>
                <c:pt idx="1121">
                  <c:v>11210</c:v>
                </c:pt>
                <c:pt idx="1122">
                  <c:v>11220</c:v>
                </c:pt>
                <c:pt idx="1123">
                  <c:v>11230</c:v>
                </c:pt>
                <c:pt idx="1124">
                  <c:v>11240</c:v>
                </c:pt>
                <c:pt idx="1125">
                  <c:v>11250</c:v>
                </c:pt>
                <c:pt idx="1126">
                  <c:v>11260</c:v>
                </c:pt>
                <c:pt idx="1127">
                  <c:v>11270</c:v>
                </c:pt>
                <c:pt idx="1128">
                  <c:v>11280</c:v>
                </c:pt>
                <c:pt idx="1129">
                  <c:v>11290</c:v>
                </c:pt>
                <c:pt idx="1130">
                  <c:v>11300</c:v>
                </c:pt>
                <c:pt idx="1131">
                  <c:v>11310</c:v>
                </c:pt>
                <c:pt idx="1132">
                  <c:v>11320</c:v>
                </c:pt>
                <c:pt idx="1133">
                  <c:v>11330</c:v>
                </c:pt>
                <c:pt idx="1134">
                  <c:v>11340</c:v>
                </c:pt>
                <c:pt idx="1135">
                  <c:v>11350</c:v>
                </c:pt>
                <c:pt idx="1136">
                  <c:v>11360</c:v>
                </c:pt>
                <c:pt idx="1137">
                  <c:v>11370</c:v>
                </c:pt>
                <c:pt idx="1138">
                  <c:v>11380</c:v>
                </c:pt>
                <c:pt idx="1139">
                  <c:v>11390</c:v>
                </c:pt>
                <c:pt idx="1140">
                  <c:v>11400</c:v>
                </c:pt>
                <c:pt idx="1141">
                  <c:v>11410</c:v>
                </c:pt>
                <c:pt idx="1142">
                  <c:v>11420</c:v>
                </c:pt>
                <c:pt idx="1143">
                  <c:v>11430</c:v>
                </c:pt>
                <c:pt idx="1144">
                  <c:v>11440</c:v>
                </c:pt>
                <c:pt idx="1145">
                  <c:v>11450</c:v>
                </c:pt>
                <c:pt idx="1146">
                  <c:v>11460</c:v>
                </c:pt>
                <c:pt idx="1147">
                  <c:v>11470</c:v>
                </c:pt>
                <c:pt idx="1148">
                  <c:v>11480</c:v>
                </c:pt>
                <c:pt idx="1149">
                  <c:v>11490</c:v>
                </c:pt>
                <c:pt idx="1150">
                  <c:v>11500</c:v>
                </c:pt>
                <c:pt idx="1151">
                  <c:v>11510</c:v>
                </c:pt>
                <c:pt idx="1152">
                  <c:v>11520</c:v>
                </c:pt>
                <c:pt idx="1153">
                  <c:v>11530</c:v>
                </c:pt>
                <c:pt idx="1154">
                  <c:v>11540</c:v>
                </c:pt>
                <c:pt idx="1155">
                  <c:v>11550</c:v>
                </c:pt>
                <c:pt idx="1156">
                  <c:v>11560</c:v>
                </c:pt>
                <c:pt idx="1157">
                  <c:v>11570</c:v>
                </c:pt>
                <c:pt idx="1158">
                  <c:v>11580</c:v>
                </c:pt>
                <c:pt idx="1159">
                  <c:v>11590</c:v>
                </c:pt>
                <c:pt idx="1160">
                  <c:v>11600</c:v>
                </c:pt>
                <c:pt idx="1161">
                  <c:v>11610</c:v>
                </c:pt>
                <c:pt idx="1162">
                  <c:v>11620</c:v>
                </c:pt>
                <c:pt idx="1163">
                  <c:v>11630</c:v>
                </c:pt>
                <c:pt idx="1164">
                  <c:v>11640</c:v>
                </c:pt>
                <c:pt idx="1165">
                  <c:v>11650</c:v>
                </c:pt>
                <c:pt idx="1166">
                  <c:v>11660</c:v>
                </c:pt>
                <c:pt idx="1167">
                  <c:v>11670</c:v>
                </c:pt>
                <c:pt idx="1168">
                  <c:v>11680</c:v>
                </c:pt>
                <c:pt idx="1169">
                  <c:v>11690</c:v>
                </c:pt>
                <c:pt idx="1170">
                  <c:v>11700</c:v>
                </c:pt>
                <c:pt idx="1171">
                  <c:v>11710</c:v>
                </c:pt>
                <c:pt idx="1172">
                  <c:v>11720</c:v>
                </c:pt>
                <c:pt idx="1173">
                  <c:v>11730</c:v>
                </c:pt>
                <c:pt idx="1174">
                  <c:v>11740</c:v>
                </c:pt>
                <c:pt idx="1175">
                  <c:v>11750</c:v>
                </c:pt>
                <c:pt idx="1176">
                  <c:v>11760</c:v>
                </c:pt>
                <c:pt idx="1177">
                  <c:v>11770</c:v>
                </c:pt>
                <c:pt idx="1178">
                  <c:v>11780</c:v>
                </c:pt>
                <c:pt idx="1179">
                  <c:v>11790</c:v>
                </c:pt>
                <c:pt idx="1180">
                  <c:v>11800</c:v>
                </c:pt>
                <c:pt idx="1181">
                  <c:v>11810</c:v>
                </c:pt>
                <c:pt idx="1182">
                  <c:v>11820</c:v>
                </c:pt>
                <c:pt idx="1183">
                  <c:v>11830</c:v>
                </c:pt>
                <c:pt idx="1184">
                  <c:v>11840</c:v>
                </c:pt>
                <c:pt idx="1185">
                  <c:v>11850</c:v>
                </c:pt>
                <c:pt idx="1186">
                  <c:v>11860</c:v>
                </c:pt>
                <c:pt idx="1187">
                  <c:v>11870</c:v>
                </c:pt>
                <c:pt idx="1188">
                  <c:v>11880</c:v>
                </c:pt>
                <c:pt idx="1189">
                  <c:v>11890</c:v>
                </c:pt>
                <c:pt idx="1190">
                  <c:v>11900</c:v>
                </c:pt>
                <c:pt idx="1191">
                  <c:v>11910</c:v>
                </c:pt>
                <c:pt idx="1192">
                  <c:v>11920</c:v>
                </c:pt>
                <c:pt idx="1193">
                  <c:v>11930</c:v>
                </c:pt>
                <c:pt idx="1194">
                  <c:v>11940</c:v>
                </c:pt>
                <c:pt idx="1195">
                  <c:v>11950</c:v>
                </c:pt>
                <c:pt idx="1196">
                  <c:v>11960</c:v>
                </c:pt>
                <c:pt idx="1197">
                  <c:v>11970</c:v>
                </c:pt>
                <c:pt idx="1198">
                  <c:v>11980</c:v>
                </c:pt>
                <c:pt idx="1199">
                  <c:v>11990</c:v>
                </c:pt>
                <c:pt idx="1200">
                  <c:v>12000</c:v>
                </c:pt>
                <c:pt idx="1201">
                  <c:v>12010</c:v>
                </c:pt>
                <c:pt idx="1202">
                  <c:v>12020</c:v>
                </c:pt>
                <c:pt idx="1203">
                  <c:v>12030</c:v>
                </c:pt>
                <c:pt idx="1204">
                  <c:v>12040</c:v>
                </c:pt>
                <c:pt idx="1205">
                  <c:v>12050</c:v>
                </c:pt>
                <c:pt idx="1206">
                  <c:v>12060</c:v>
                </c:pt>
                <c:pt idx="1207">
                  <c:v>12070</c:v>
                </c:pt>
                <c:pt idx="1208">
                  <c:v>12080</c:v>
                </c:pt>
                <c:pt idx="1209">
                  <c:v>12090</c:v>
                </c:pt>
                <c:pt idx="1210">
                  <c:v>12100</c:v>
                </c:pt>
                <c:pt idx="1211">
                  <c:v>12110</c:v>
                </c:pt>
                <c:pt idx="1212">
                  <c:v>12120</c:v>
                </c:pt>
                <c:pt idx="1213">
                  <c:v>12130</c:v>
                </c:pt>
                <c:pt idx="1214">
                  <c:v>12140</c:v>
                </c:pt>
                <c:pt idx="1215">
                  <c:v>12150</c:v>
                </c:pt>
                <c:pt idx="1216">
                  <c:v>12160</c:v>
                </c:pt>
                <c:pt idx="1217">
                  <c:v>12170</c:v>
                </c:pt>
                <c:pt idx="1218">
                  <c:v>12180</c:v>
                </c:pt>
                <c:pt idx="1219">
                  <c:v>12190</c:v>
                </c:pt>
                <c:pt idx="1220">
                  <c:v>12200</c:v>
                </c:pt>
                <c:pt idx="1221">
                  <c:v>12210</c:v>
                </c:pt>
                <c:pt idx="1222">
                  <c:v>12220</c:v>
                </c:pt>
                <c:pt idx="1223">
                  <c:v>12230</c:v>
                </c:pt>
                <c:pt idx="1224">
                  <c:v>12240</c:v>
                </c:pt>
                <c:pt idx="1225">
                  <c:v>12250</c:v>
                </c:pt>
                <c:pt idx="1226">
                  <c:v>12260</c:v>
                </c:pt>
                <c:pt idx="1227">
                  <c:v>12270</c:v>
                </c:pt>
                <c:pt idx="1228">
                  <c:v>12280</c:v>
                </c:pt>
                <c:pt idx="1229">
                  <c:v>12290</c:v>
                </c:pt>
                <c:pt idx="1230">
                  <c:v>12300</c:v>
                </c:pt>
                <c:pt idx="1231">
                  <c:v>12310</c:v>
                </c:pt>
                <c:pt idx="1232">
                  <c:v>12320</c:v>
                </c:pt>
                <c:pt idx="1233">
                  <c:v>12330</c:v>
                </c:pt>
                <c:pt idx="1234">
                  <c:v>12340</c:v>
                </c:pt>
                <c:pt idx="1235">
                  <c:v>12350</c:v>
                </c:pt>
                <c:pt idx="1236">
                  <c:v>12360</c:v>
                </c:pt>
                <c:pt idx="1237">
                  <c:v>12370</c:v>
                </c:pt>
                <c:pt idx="1238">
                  <c:v>12380</c:v>
                </c:pt>
                <c:pt idx="1239">
                  <c:v>12390</c:v>
                </c:pt>
                <c:pt idx="1240">
                  <c:v>12400</c:v>
                </c:pt>
                <c:pt idx="1241">
                  <c:v>12410</c:v>
                </c:pt>
                <c:pt idx="1242">
                  <c:v>12420</c:v>
                </c:pt>
                <c:pt idx="1243">
                  <c:v>12430</c:v>
                </c:pt>
                <c:pt idx="1244">
                  <c:v>12440</c:v>
                </c:pt>
                <c:pt idx="1245">
                  <c:v>12450</c:v>
                </c:pt>
                <c:pt idx="1246">
                  <c:v>12460</c:v>
                </c:pt>
                <c:pt idx="1247">
                  <c:v>12470</c:v>
                </c:pt>
                <c:pt idx="1248">
                  <c:v>12480</c:v>
                </c:pt>
                <c:pt idx="1249">
                  <c:v>12490</c:v>
                </c:pt>
                <c:pt idx="1250">
                  <c:v>12500</c:v>
                </c:pt>
                <c:pt idx="1251">
                  <c:v>12510</c:v>
                </c:pt>
                <c:pt idx="1252">
                  <c:v>12520</c:v>
                </c:pt>
                <c:pt idx="1253">
                  <c:v>12530</c:v>
                </c:pt>
                <c:pt idx="1254">
                  <c:v>12540</c:v>
                </c:pt>
                <c:pt idx="1255">
                  <c:v>12550</c:v>
                </c:pt>
                <c:pt idx="1256">
                  <c:v>12560</c:v>
                </c:pt>
                <c:pt idx="1257">
                  <c:v>12570</c:v>
                </c:pt>
                <c:pt idx="1258">
                  <c:v>12580</c:v>
                </c:pt>
                <c:pt idx="1259">
                  <c:v>12590</c:v>
                </c:pt>
                <c:pt idx="1260">
                  <c:v>12600</c:v>
                </c:pt>
                <c:pt idx="1261">
                  <c:v>12610</c:v>
                </c:pt>
                <c:pt idx="1262">
                  <c:v>12620</c:v>
                </c:pt>
                <c:pt idx="1263">
                  <c:v>12630</c:v>
                </c:pt>
                <c:pt idx="1264">
                  <c:v>12640</c:v>
                </c:pt>
                <c:pt idx="1265">
                  <c:v>12650</c:v>
                </c:pt>
                <c:pt idx="1266">
                  <c:v>12660</c:v>
                </c:pt>
                <c:pt idx="1267">
                  <c:v>12670</c:v>
                </c:pt>
                <c:pt idx="1268">
                  <c:v>12680</c:v>
                </c:pt>
                <c:pt idx="1269">
                  <c:v>12690</c:v>
                </c:pt>
                <c:pt idx="1270">
                  <c:v>12700</c:v>
                </c:pt>
                <c:pt idx="1271">
                  <c:v>12710</c:v>
                </c:pt>
                <c:pt idx="1272">
                  <c:v>12720</c:v>
                </c:pt>
                <c:pt idx="1273">
                  <c:v>12730</c:v>
                </c:pt>
                <c:pt idx="1274">
                  <c:v>12740</c:v>
                </c:pt>
                <c:pt idx="1275">
                  <c:v>12750</c:v>
                </c:pt>
                <c:pt idx="1276">
                  <c:v>12760</c:v>
                </c:pt>
                <c:pt idx="1277">
                  <c:v>12770</c:v>
                </c:pt>
                <c:pt idx="1278">
                  <c:v>12780</c:v>
                </c:pt>
                <c:pt idx="1279">
                  <c:v>12790</c:v>
                </c:pt>
                <c:pt idx="1280">
                  <c:v>12800</c:v>
                </c:pt>
                <c:pt idx="1281">
                  <c:v>12810</c:v>
                </c:pt>
                <c:pt idx="1282">
                  <c:v>12820</c:v>
                </c:pt>
                <c:pt idx="1283">
                  <c:v>12830</c:v>
                </c:pt>
                <c:pt idx="1284">
                  <c:v>12840</c:v>
                </c:pt>
                <c:pt idx="1285">
                  <c:v>12850</c:v>
                </c:pt>
                <c:pt idx="1286">
                  <c:v>12860</c:v>
                </c:pt>
                <c:pt idx="1287">
                  <c:v>12870</c:v>
                </c:pt>
                <c:pt idx="1288">
                  <c:v>12880</c:v>
                </c:pt>
                <c:pt idx="1289">
                  <c:v>12890</c:v>
                </c:pt>
                <c:pt idx="1290">
                  <c:v>12900</c:v>
                </c:pt>
                <c:pt idx="1291">
                  <c:v>12910</c:v>
                </c:pt>
                <c:pt idx="1292">
                  <c:v>12920</c:v>
                </c:pt>
                <c:pt idx="1293">
                  <c:v>12930</c:v>
                </c:pt>
                <c:pt idx="1294">
                  <c:v>12940</c:v>
                </c:pt>
                <c:pt idx="1295">
                  <c:v>12950</c:v>
                </c:pt>
                <c:pt idx="1296">
                  <c:v>12960</c:v>
                </c:pt>
                <c:pt idx="1297">
                  <c:v>12970</c:v>
                </c:pt>
                <c:pt idx="1298">
                  <c:v>12980</c:v>
                </c:pt>
                <c:pt idx="1299">
                  <c:v>12990</c:v>
                </c:pt>
                <c:pt idx="1300">
                  <c:v>13000</c:v>
                </c:pt>
                <c:pt idx="1301">
                  <c:v>13010</c:v>
                </c:pt>
                <c:pt idx="1302">
                  <c:v>13020</c:v>
                </c:pt>
                <c:pt idx="1303">
                  <c:v>13030</c:v>
                </c:pt>
                <c:pt idx="1304">
                  <c:v>13040</c:v>
                </c:pt>
                <c:pt idx="1305">
                  <c:v>13050</c:v>
                </c:pt>
                <c:pt idx="1306">
                  <c:v>13060</c:v>
                </c:pt>
                <c:pt idx="1307">
                  <c:v>13070</c:v>
                </c:pt>
                <c:pt idx="1308">
                  <c:v>13080</c:v>
                </c:pt>
                <c:pt idx="1309">
                  <c:v>13090</c:v>
                </c:pt>
                <c:pt idx="1310">
                  <c:v>13100</c:v>
                </c:pt>
                <c:pt idx="1311">
                  <c:v>13110</c:v>
                </c:pt>
                <c:pt idx="1312">
                  <c:v>13120</c:v>
                </c:pt>
                <c:pt idx="1313">
                  <c:v>13130</c:v>
                </c:pt>
                <c:pt idx="1314">
                  <c:v>13140</c:v>
                </c:pt>
                <c:pt idx="1315">
                  <c:v>13150</c:v>
                </c:pt>
                <c:pt idx="1316">
                  <c:v>13160</c:v>
                </c:pt>
                <c:pt idx="1317">
                  <c:v>13170</c:v>
                </c:pt>
                <c:pt idx="1318">
                  <c:v>13180</c:v>
                </c:pt>
                <c:pt idx="1319">
                  <c:v>13190</c:v>
                </c:pt>
                <c:pt idx="1320">
                  <c:v>13200</c:v>
                </c:pt>
                <c:pt idx="1321">
                  <c:v>13210</c:v>
                </c:pt>
                <c:pt idx="1322">
                  <c:v>13220</c:v>
                </c:pt>
                <c:pt idx="1323">
                  <c:v>13230</c:v>
                </c:pt>
                <c:pt idx="1324">
                  <c:v>13240</c:v>
                </c:pt>
                <c:pt idx="1325">
                  <c:v>13250</c:v>
                </c:pt>
                <c:pt idx="1326">
                  <c:v>13260</c:v>
                </c:pt>
                <c:pt idx="1327">
                  <c:v>13270</c:v>
                </c:pt>
                <c:pt idx="1328">
                  <c:v>13280</c:v>
                </c:pt>
                <c:pt idx="1329">
                  <c:v>13290</c:v>
                </c:pt>
                <c:pt idx="1330">
                  <c:v>13300</c:v>
                </c:pt>
                <c:pt idx="1331">
                  <c:v>13310</c:v>
                </c:pt>
                <c:pt idx="1332">
                  <c:v>13320</c:v>
                </c:pt>
                <c:pt idx="1333">
                  <c:v>13330</c:v>
                </c:pt>
                <c:pt idx="1334">
                  <c:v>13340</c:v>
                </c:pt>
                <c:pt idx="1335">
                  <c:v>13350</c:v>
                </c:pt>
                <c:pt idx="1336">
                  <c:v>13360</c:v>
                </c:pt>
                <c:pt idx="1337">
                  <c:v>13370</c:v>
                </c:pt>
                <c:pt idx="1338">
                  <c:v>13380</c:v>
                </c:pt>
                <c:pt idx="1339">
                  <c:v>13390</c:v>
                </c:pt>
                <c:pt idx="1340">
                  <c:v>13400</c:v>
                </c:pt>
                <c:pt idx="1341">
                  <c:v>13410</c:v>
                </c:pt>
                <c:pt idx="1342">
                  <c:v>13420</c:v>
                </c:pt>
                <c:pt idx="1343">
                  <c:v>13430</c:v>
                </c:pt>
                <c:pt idx="1344">
                  <c:v>13440</c:v>
                </c:pt>
                <c:pt idx="1345">
                  <c:v>13450</c:v>
                </c:pt>
                <c:pt idx="1346">
                  <c:v>13460</c:v>
                </c:pt>
                <c:pt idx="1347">
                  <c:v>13470</c:v>
                </c:pt>
                <c:pt idx="1348">
                  <c:v>13480</c:v>
                </c:pt>
                <c:pt idx="1349">
                  <c:v>13490</c:v>
                </c:pt>
                <c:pt idx="1350">
                  <c:v>13500</c:v>
                </c:pt>
                <c:pt idx="1351">
                  <c:v>13510</c:v>
                </c:pt>
                <c:pt idx="1352">
                  <c:v>13520</c:v>
                </c:pt>
                <c:pt idx="1353">
                  <c:v>13530</c:v>
                </c:pt>
                <c:pt idx="1354">
                  <c:v>13540</c:v>
                </c:pt>
                <c:pt idx="1355">
                  <c:v>13550</c:v>
                </c:pt>
                <c:pt idx="1356">
                  <c:v>13560</c:v>
                </c:pt>
                <c:pt idx="1357">
                  <c:v>13570</c:v>
                </c:pt>
                <c:pt idx="1358">
                  <c:v>13580</c:v>
                </c:pt>
                <c:pt idx="1359">
                  <c:v>13590</c:v>
                </c:pt>
                <c:pt idx="1360">
                  <c:v>13600</c:v>
                </c:pt>
                <c:pt idx="1361">
                  <c:v>13610</c:v>
                </c:pt>
                <c:pt idx="1362">
                  <c:v>13620</c:v>
                </c:pt>
                <c:pt idx="1363">
                  <c:v>13630</c:v>
                </c:pt>
                <c:pt idx="1364">
                  <c:v>13640</c:v>
                </c:pt>
                <c:pt idx="1365">
                  <c:v>13650</c:v>
                </c:pt>
                <c:pt idx="1366">
                  <c:v>13660</c:v>
                </c:pt>
                <c:pt idx="1367">
                  <c:v>13670</c:v>
                </c:pt>
                <c:pt idx="1368">
                  <c:v>13680</c:v>
                </c:pt>
                <c:pt idx="1369">
                  <c:v>13690</c:v>
                </c:pt>
                <c:pt idx="1370">
                  <c:v>13700</c:v>
                </c:pt>
                <c:pt idx="1371">
                  <c:v>13710</c:v>
                </c:pt>
                <c:pt idx="1372">
                  <c:v>13720</c:v>
                </c:pt>
                <c:pt idx="1373">
                  <c:v>13730</c:v>
                </c:pt>
                <c:pt idx="1374">
                  <c:v>13740</c:v>
                </c:pt>
                <c:pt idx="1375">
                  <c:v>13750</c:v>
                </c:pt>
                <c:pt idx="1376">
                  <c:v>13760</c:v>
                </c:pt>
                <c:pt idx="1377">
                  <c:v>13770</c:v>
                </c:pt>
                <c:pt idx="1378">
                  <c:v>13780</c:v>
                </c:pt>
                <c:pt idx="1379">
                  <c:v>13790</c:v>
                </c:pt>
                <c:pt idx="1380">
                  <c:v>13800</c:v>
                </c:pt>
                <c:pt idx="1381">
                  <c:v>13810</c:v>
                </c:pt>
                <c:pt idx="1382">
                  <c:v>13820</c:v>
                </c:pt>
                <c:pt idx="1383">
                  <c:v>13830</c:v>
                </c:pt>
                <c:pt idx="1384">
                  <c:v>13840</c:v>
                </c:pt>
                <c:pt idx="1385">
                  <c:v>13850</c:v>
                </c:pt>
                <c:pt idx="1386">
                  <c:v>13860</c:v>
                </c:pt>
                <c:pt idx="1387">
                  <c:v>13870</c:v>
                </c:pt>
                <c:pt idx="1388">
                  <c:v>13880</c:v>
                </c:pt>
                <c:pt idx="1389">
                  <c:v>13890</c:v>
                </c:pt>
                <c:pt idx="1390">
                  <c:v>13900</c:v>
                </c:pt>
                <c:pt idx="1391">
                  <c:v>13910</c:v>
                </c:pt>
                <c:pt idx="1392">
                  <c:v>13920</c:v>
                </c:pt>
                <c:pt idx="1393">
                  <c:v>13930</c:v>
                </c:pt>
                <c:pt idx="1394">
                  <c:v>13940</c:v>
                </c:pt>
                <c:pt idx="1395">
                  <c:v>13950</c:v>
                </c:pt>
                <c:pt idx="1396">
                  <c:v>13960</c:v>
                </c:pt>
                <c:pt idx="1397">
                  <c:v>13970</c:v>
                </c:pt>
                <c:pt idx="1398">
                  <c:v>13980</c:v>
                </c:pt>
                <c:pt idx="1399">
                  <c:v>13990</c:v>
                </c:pt>
                <c:pt idx="1400">
                  <c:v>14000</c:v>
                </c:pt>
                <c:pt idx="1401">
                  <c:v>14010</c:v>
                </c:pt>
                <c:pt idx="1402">
                  <c:v>14020</c:v>
                </c:pt>
                <c:pt idx="1403">
                  <c:v>14030</c:v>
                </c:pt>
                <c:pt idx="1404">
                  <c:v>14040</c:v>
                </c:pt>
                <c:pt idx="1405">
                  <c:v>14050</c:v>
                </c:pt>
                <c:pt idx="1406">
                  <c:v>14060</c:v>
                </c:pt>
                <c:pt idx="1407">
                  <c:v>14070</c:v>
                </c:pt>
                <c:pt idx="1408">
                  <c:v>14080</c:v>
                </c:pt>
                <c:pt idx="1409">
                  <c:v>14090</c:v>
                </c:pt>
                <c:pt idx="1410">
                  <c:v>14100</c:v>
                </c:pt>
                <c:pt idx="1411">
                  <c:v>14110</c:v>
                </c:pt>
                <c:pt idx="1412">
                  <c:v>14120</c:v>
                </c:pt>
                <c:pt idx="1413">
                  <c:v>14130</c:v>
                </c:pt>
                <c:pt idx="1414">
                  <c:v>14140</c:v>
                </c:pt>
                <c:pt idx="1415">
                  <c:v>14150</c:v>
                </c:pt>
                <c:pt idx="1416">
                  <c:v>14160</c:v>
                </c:pt>
                <c:pt idx="1417">
                  <c:v>14170</c:v>
                </c:pt>
                <c:pt idx="1418">
                  <c:v>14180</c:v>
                </c:pt>
                <c:pt idx="1419">
                  <c:v>14190</c:v>
                </c:pt>
                <c:pt idx="1420">
                  <c:v>14200</c:v>
                </c:pt>
                <c:pt idx="1421">
                  <c:v>14210</c:v>
                </c:pt>
                <c:pt idx="1422">
                  <c:v>14220</c:v>
                </c:pt>
                <c:pt idx="1423">
                  <c:v>14230</c:v>
                </c:pt>
                <c:pt idx="1424">
                  <c:v>14240</c:v>
                </c:pt>
                <c:pt idx="1425">
                  <c:v>14250</c:v>
                </c:pt>
                <c:pt idx="1426">
                  <c:v>14260</c:v>
                </c:pt>
                <c:pt idx="1427">
                  <c:v>14270</c:v>
                </c:pt>
                <c:pt idx="1428">
                  <c:v>14280</c:v>
                </c:pt>
                <c:pt idx="1429">
                  <c:v>14290</c:v>
                </c:pt>
                <c:pt idx="1430">
                  <c:v>14300</c:v>
                </c:pt>
                <c:pt idx="1431">
                  <c:v>14310</c:v>
                </c:pt>
                <c:pt idx="1432">
                  <c:v>14320</c:v>
                </c:pt>
                <c:pt idx="1433">
                  <c:v>14330</c:v>
                </c:pt>
                <c:pt idx="1434">
                  <c:v>14340</c:v>
                </c:pt>
                <c:pt idx="1435">
                  <c:v>14350</c:v>
                </c:pt>
                <c:pt idx="1436">
                  <c:v>14360</c:v>
                </c:pt>
                <c:pt idx="1437">
                  <c:v>14370</c:v>
                </c:pt>
                <c:pt idx="1438">
                  <c:v>14380</c:v>
                </c:pt>
                <c:pt idx="1439">
                  <c:v>14390</c:v>
                </c:pt>
                <c:pt idx="1440">
                  <c:v>14400</c:v>
                </c:pt>
                <c:pt idx="1441">
                  <c:v>14410</c:v>
                </c:pt>
                <c:pt idx="1442">
                  <c:v>14420</c:v>
                </c:pt>
                <c:pt idx="1443">
                  <c:v>14430</c:v>
                </c:pt>
                <c:pt idx="1444">
                  <c:v>14440</c:v>
                </c:pt>
                <c:pt idx="1445">
                  <c:v>14450</c:v>
                </c:pt>
                <c:pt idx="1446">
                  <c:v>14460</c:v>
                </c:pt>
                <c:pt idx="1447">
                  <c:v>14470</c:v>
                </c:pt>
                <c:pt idx="1448">
                  <c:v>14480</c:v>
                </c:pt>
                <c:pt idx="1449">
                  <c:v>14490</c:v>
                </c:pt>
                <c:pt idx="1450">
                  <c:v>14500</c:v>
                </c:pt>
                <c:pt idx="1451">
                  <c:v>14510</c:v>
                </c:pt>
                <c:pt idx="1452">
                  <c:v>14520</c:v>
                </c:pt>
                <c:pt idx="1453">
                  <c:v>14530</c:v>
                </c:pt>
                <c:pt idx="1454">
                  <c:v>14540</c:v>
                </c:pt>
                <c:pt idx="1455">
                  <c:v>14550</c:v>
                </c:pt>
                <c:pt idx="1456">
                  <c:v>14560</c:v>
                </c:pt>
                <c:pt idx="1457">
                  <c:v>14570</c:v>
                </c:pt>
                <c:pt idx="1458">
                  <c:v>14580</c:v>
                </c:pt>
                <c:pt idx="1459">
                  <c:v>14590</c:v>
                </c:pt>
                <c:pt idx="1460">
                  <c:v>14600</c:v>
                </c:pt>
                <c:pt idx="1461">
                  <c:v>14610</c:v>
                </c:pt>
                <c:pt idx="1462">
                  <c:v>14620</c:v>
                </c:pt>
                <c:pt idx="1463">
                  <c:v>14630</c:v>
                </c:pt>
                <c:pt idx="1464">
                  <c:v>14640</c:v>
                </c:pt>
                <c:pt idx="1465">
                  <c:v>14650</c:v>
                </c:pt>
                <c:pt idx="1466">
                  <c:v>14660</c:v>
                </c:pt>
                <c:pt idx="1467">
                  <c:v>14670</c:v>
                </c:pt>
                <c:pt idx="1468">
                  <c:v>14680</c:v>
                </c:pt>
                <c:pt idx="1469">
                  <c:v>14690</c:v>
                </c:pt>
                <c:pt idx="1470">
                  <c:v>14700</c:v>
                </c:pt>
                <c:pt idx="1471">
                  <c:v>14710</c:v>
                </c:pt>
                <c:pt idx="1472">
                  <c:v>14720</c:v>
                </c:pt>
                <c:pt idx="1473">
                  <c:v>14730</c:v>
                </c:pt>
                <c:pt idx="1474">
                  <c:v>14740</c:v>
                </c:pt>
                <c:pt idx="1475">
                  <c:v>14750</c:v>
                </c:pt>
                <c:pt idx="1476">
                  <c:v>14760</c:v>
                </c:pt>
                <c:pt idx="1477">
                  <c:v>14770</c:v>
                </c:pt>
                <c:pt idx="1478">
                  <c:v>14780</c:v>
                </c:pt>
                <c:pt idx="1479">
                  <c:v>14790</c:v>
                </c:pt>
                <c:pt idx="1480">
                  <c:v>14800</c:v>
                </c:pt>
                <c:pt idx="1481">
                  <c:v>14810</c:v>
                </c:pt>
                <c:pt idx="1482">
                  <c:v>14820</c:v>
                </c:pt>
                <c:pt idx="1483">
                  <c:v>14830</c:v>
                </c:pt>
                <c:pt idx="1484">
                  <c:v>14840</c:v>
                </c:pt>
                <c:pt idx="1485">
                  <c:v>14850</c:v>
                </c:pt>
                <c:pt idx="1486">
                  <c:v>14860</c:v>
                </c:pt>
                <c:pt idx="1487">
                  <c:v>14870</c:v>
                </c:pt>
                <c:pt idx="1488">
                  <c:v>14880</c:v>
                </c:pt>
                <c:pt idx="1489">
                  <c:v>14890</c:v>
                </c:pt>
                <c:pt idx="1490">
                  <c:v>14900</c:v>
                </c:pt>
                <c:pt idx="1491">
                  <c:v>14910</c:v>
                </c:pt>
                <c:pt idx="1492">
                  <c:v>14920</c:v>
                </c:pt>
                <c:pt idx="1493">
                  <c:v>14930</c:v>
                </c:pt>
                <c:pt idx="1494">
                  <c:v>14940</c:v>
                </c:pt>
                <c:pt idx="1495">
                  <c:v>14950</c:v>
                </c:pt>
                <c:pt idx="1496">
                  <c:v>14960</c:v>
                </c:pt>
                <c:pt idx="1497">
                  <c:v>14970</c:v>
                </c:pt>
                <c:pt idx="1498">
                  <c:v>14980</c:v>
                </c:pt>
                <c:pt idx="1499">
                  <c:v>14990</c:v>
                </c:pt>
                <c:pt idx="1500">
                  <c:v>15000</c:v>
                </c:pt>
                <c:pt idx="1501">
                  <c:v>15010</c:v>
                </c:pt>
                <c:pt idx="1502">
                  <c:v>15020</c:v>
                </c:pt>
                <c:pt idx="1503">
                  <c:v>15030</c:v>
                </c:pt>
                <c:pt idx="1504">
                  <c:v>15040</c:v>
                </c:pt>
                <c:pt idx="1505">
                  <c:v>15050</c:v>
                </c:pt>
                <c:pt idx="1506">
                  <c:v>15060</c:v>
                </c:pt>
                <c:pt idx="1507">
                  <c:v>15070</c:v>
                </c:pt>
                <c:pt idx="1508">
                  <c:v>15080</c:v>
                </c:pt>
                <c:pt idx="1509">
                  <c:v>15090</c:v>
                </c:pt>
                <c:pt idx="1510">
                  <c:v>15100</c:v>
                </c:pt>
                <c:pt idx="1511">
                  <c:v>15110</c:v>
                </c:pt>
                <c:pt idx="1512">
                  <c:v>15120</c:v>
                </c:pt>
                <c:pt idx="1513">
                  <c:v>15130</c:v>
                </c:pt>
                <c:pt idx="1514">
                  <c:v>15140</c:v>
                </c:pt>
                <c:pt idx="1515">
                  <c:v>15150</c:v>
                </c:pt>
                <c:pt idx="1516">
                  <c:v>15160</c:v>
                </c:pt>
                <c:pt idx="1517">
                  <c:v>15170</c:v>
                </c:pt>
                <c:pt idx="1518">
                  <c:v>15180</c:v>
                </c:pt>
                <c:pt idx="1519">
                  <c:v>15190</c:v>
                </c:pt>
                <c:pt idx="1520">
                  <c:v>15200</c:v>
                </c:pt>
                <c:pt idx="1521">
                  <c:v>15210</c:v>
                </c:pt>
                <c:pt idx="1522">
                  <c:v>15220</c:v>
                </c:pt>
                <c:pt idx="1523">
                  <c:v>15230</c:v>
                </c:pt>
                <c:pt idx="1524">
                  <c:v>15240</c:v>
                </c:pt>
                <c:pt idx="1525">
                  <c:v>15250</c:v>
                </c:pt>
                <c:pt idx="1526">
                  <c:v>15260</c:v>
                </c:pt>
                <c:pt idx="1527">
                  <c:v>15270</c:v>
                </c:pt>
                <c:pt idx="1528">
                  <c:v>15280</c:v>
                </c:pt>
                <c:pt idx="1529">
                  <c:v>15290</c:v>
                </c:pt>
                <c:pt idx="1530">
                  <c:v>15300</c:v>
                </c:pt>
                <c:pt idx="1531">
                  <c:v>15310</c:v>
                </c:pt>
                <c:pt idx="1532">
                  <c:v>15320</c:v>
                </c:pt>
                <c:pt idx="1533">
                  <c:v>15330</c:v>
                </c:pt>
                <c:pt idx="1534">
                  <c:v>15340</c:v>
                </c:pt>
                <c:pt idx="1535">
                  <c:v>15350</c:v>
                </c:pt>
                <c:pt idx="1536">
                  <c:v>15360</c:v>
                </c:pt>
                <c:pt idx="1537">
                  <c:v>15370</c:v>
                </c:pt>
                <c:pt idx="1538">
                  <c:v>15380</c:v>
                </c:pt>
                <c:pt idx="1539">
                  <c:v>15390</c:v>
                </c:pt>
                <c:pt idx="1540">
                  <c:v>15400</c:v>
                </c:pt>
                <c:pt idx="1541">
                  <c:v>15410</c:v>
                </c:pt>
                <c:pt idx="1542">
                  <c:v>15420</c:v>
                </c:pt>
                <c:pt idx="1543">
                  <c:v>15430</c:v>
                </c:pt>
                <c:pt idx="1544">
                  <c:v>15440</c:v>
                </c:pt>
                <c:pt idx="1545">
                  <c:v>15450</c:v>
                </c:pt>
                <c:pt idx="1546">
                  <c:v>15460</c:v>
                </c:pt>
                <c:pt idx="1547">
                  <c:v>15470</c:v>
                </c:pt>
                <c:pt idx="1548">
                  <c:v>15480</c:v>
                </c:pt>
                <c:pt idx="1549">
                  <c:v>15490</c:v>
                </c:pt>
                <c:pt idx="1550">
                  <c:v>15500</c:v>
                </c:pt>
                <c:pt idx="1551">
                  <c:v>15510</c:v>
                </c:pt>
                <c:pt idx="1552">
                  <c:v>15520</c:v>
                </c:pt>
                <c:pt idx="1553">
                  <c:v>15530</c:v>
                </c:pt>
                <c:pt idx="1554">
                  <c:v>15540</c:v>
                </c:pt>
                <c:pt idx="1555">
                  <c:v>15550</c:v>
                </c:pt>
                <c:pt idx="1556">
                  <c:v>15560</c:v>
                </c:pt>
                <c:pt idx="1557">
                  <c:v>15570</c:v>
                </c:pt>
                <c:pt idx="1558">
                  <c:v>15580</c:v>
                </c:pt>
                <c:pt idx="1559">
                  <c:v>15590</c:v>
                </c:pt>
                <c:pt idx="1560">
                  <c:v>15600</c:v>
                </c:pt>
                <c:pt idx="1561">
                  <c:v>15610</c:v>
                </c:pt>
                <c:pt idx="1562">
                  <c:v>15620</c:v>
                </c:pt>
                <c:pt idx="1563">
                  <c:v>15630</c:v>
                </c:pt>
                <c:pt idx="1564">
                  <c:v>15640</c:v>
                </c:pt>
                <c:pt idx="1565">
                  <c:v>15650</c:v>
                </c:pt>
                <c:pt idx="1566">
                  <c:v>15660</c:v>
                </c:pt>
                <c:pt idx="1567">
                  <c:v>15670</c:v>
                </c:pt>
                <c:pt idx="1568">
                  <c:v>15680</c:v>
                </c:pt>
                <c:pt idx="1569">
                  <c:v>15690</c:v>
                </c:pt>
                <c:pt idx="1570">
                  <c:v>15700</c:v>
                </c:pt>
                <c:pt idx="1571">
                  <c:v>15710</c:v>
                </c:pt>
                <c:pt idx="1572">
                  <c:v>15720</c:v>
                </c:pt>
                <c:pt idx="1573">
                  <c:v>15730</c:v>
                </c:pt>
                <c:pt idx="1574">
                  <c:v>15740</c:v>
                </c:pt>
                <c:pt idx="1575">
                  <c:v>15750</c:v>
                </c:pt>
                <c:pt idx="1576">
                  <c:v>15760</c:v>
                </c:pt>
                <c:pt idx="1577">
                  <c:v>15770</c:v>
                </c:pt>
                <c:pt idx="1578">
                  <c:v>15780</c:v>
                </c:pt>
                <c:pt idx="1579">
                  <c:v>15790</c:v>
                </c:pt>
                <c:pt idx="1580">
                  <c:v>15800</c:v>
                </c:pt>
                <c:pt idx="1581">
                  <c:v>15810</c:v>
                </c:pt>
                <c:pt idx="1582">
                  <c:v>15820</c:v>
                </c:pt>
                <c:pt idx="1583">
                  <c:v>15830</c:v>
                </c:pt>
                <c:pt idx="1584">
                  <c:v>15840</c:v>
                </c:pt>
                <c:pt idx="1585">
                  <c:v>15850</c:v>
                </c:pt>
                <c:pt idx="1586">
                  <c:v>15860</c:v>
                </c:pt>
                <c:pt idx="1587">
                  <c:v>15870</c:v>
                </c:pt>
                <c:pt idx="1588">
                  <c:v>15880</c:v>
                </c:pt>
                <c:pt idx="1589">
                  <c:v>15890</c:v>
                </c:pt>
                <c:pt idx="1590">
                  <c:v>15900</c:v>
                </c:pt>
                <c:pt idx="1591">
                  <c:v>15910</c:v>
                </c:pt>
                <c:pt idx="1592">
                  <c:v>15920</c:v>
                </c:pt>
                <c:pt idx="1593">
                  <c:v>15930</c:v>
                </c:pt>
                <c:pt idx="1594">
                  <c:v>15940</c:v>
                </c:pt>
                <c:pt idx="1595">
                  <c:v>15950</c:v>
                </c:pt>
                <c:pt idx="1596">
                  <c:v>15960</c:v>
                </c:pt>
                <c:pt idx="1597">
                  <c:v>15970</c:v>
                </c:pt>
                <c:pt idx="1598">
                  <c:v>15980</c:v>
                </c:pt>
                <c:pt idx="1599">
                  <c:v>15990</c:v>
                </c:pt>
                <c:pt idx="1600">
                  <c:v>16000</c:v>
                </c:pt>
                <c:pt idx="1601">
                  <c:v>16010</c:v>
                </c:pt>
                <c:pt idx="1602">
                  <c:v>16020</c:v>
                </c:pt>
                <c:pt idx="1603">
                  <c:v>16030</c:v>
                </c:pt>
                <c:pt idx="1604">
                  <c:v>16040</c:v>
                </c:pt>
                <c:pt idx="1605">
                  <c:v>16050</c:v>
                </c:pt>
                <c:pt idx="1606">
                  <c:v>16060</c:v>
                </c:pt>
                <c:pt idx="1607">
                  <c:v>16070</c:v>
                </c:pt>
                <c:pt idx="1608">
                  <c:v>16080</c:v>
                </c:pt>
                <c:pt idx="1609">
                  <c:v>16090</c:v>
                </c:pt>
                <c:pt idx="1610">
                  <c:v>16100</c:v>
                </c:pt>
                <c:pt idx="1611">
                  <c:v>16110</c:v>
                </c:pt>
                <c:pt idx="1612">
                  <c:v>16120</c:v>
                </c:pt>
                <c:pt idx="1613">
                  <c:v>16130</c:v>
                </c:pt>
                <c:pt idx="1614">
                  <c:v>16140</c:v>
                </c:pt>
                <c:pt idx="1615">
                  <c:v>16150</c:v>
                </c:pt>
                <c:pt idx="1616">
                  <c:v>16160</c:v>
                </c:pt>
                <c:pt idx="1617">
                  <c:v>16170</c:v>
                </c:pt>
                <c:pt idx="1618">
                  <c:v>16180</c:v>
                </c:pt>
                <c:pt idx="1619">
                  <c:v>16190</c:v>
                </c:pt>
                <c:pt idx="1620">
                  <c:v>16200</c:v>
                </c:pt>
                <c:pt idx="1621">
                  <c:v>16210</c:v>
                </c:pt>
                <c:pt idx="1622">
                  <c:v>16220</c:v>
                </c:pt>
                <c:pt idx="1623">
                  <c:v>16230</c:v>
                </c:pt>
                <c:pt idx="1624">
                  <c:v>16240</c:v>
                </c:pt>
                <c:pt idx="1625">
                  <c:v>16250</c:v>
                </c:pt>
                <c:pt idx="1626">
                  <c:v>16260</c:v>
                </c:pt>
                <c:pt idx="1627">
                  <c:v>16270</c:v>
                </c:pt>
                <c:pt idx="1628">
                  <c:v>16280</c:v>
                </c:pt>
                <c:pt idx="1629">
                  <c:v>16290</c:v>
                </c:pt>
                <c:pt idx="1630">
                  <c:v>16300</c:v>
                </c:pt>
                <c:pt idx="1631">
                  <c:v>16310</c:v>
                </c:pt>
                <c:pt idx="1632">
                  <c:v>16320</c:v>
                </c:pt>
                <c:pt idx="1633">
                  <c:v>16330</c:v>
                </c:pt>
                <c:pt idx="1634">
                  <c:v>16340</c:v>
                </c:pt>
                <c:pt idx="1635">
                  <c:v>16350</c:v>
                </c:pt>
                <c:pt idx="1636">
                  <c:v>16360</c:v>
                </c:pt>
                <c:pt idx="1637">
                  <c:v>16370</c:v>
                </c:pt>
                <c:pt idx="1638">
                  <c:v>16380</c:v>
                </c:pt>
                <c:pt idx="1639">
                  <c:v>16390</c:v>
                </c:pt>
                <c:pt idx="1640">
                  <c:v>16400</c:v>
                </c:pt>
                <c:pt idx="1641">
                  <c:v>16410</c:v>
                </c:pt>
                <c:pt idx="1642">
                  <c:v>16420</c:v>
                </c:pt>
                <c:pt idx="1643">
                  <c:v>16430</c:v>
                </c:pt>
                <c:pt idx="1644">
                  <c:v>16440</c:v>
                </c:pt>
                <c:pt idx="1645">
                  <c:v>16450</c:v>
                </c:pt>
                <c:pt idx="1646">
                  <c:v>16460</c:v>
                </c:pt>
                <c:pt idx="1647">
                  <c:v>16470</c:v>
                </c:pt>
                <c:pt idx="1648">
                  <c:v>16480</c:v>
                </c:pt>
                <c:pt idx="1649">
                  <c:v>16490</c:v>
                </c:pt>
                <c:pt idx="1650">
                  <c:v>16500</c:v>
                </c:pt>
                <c:pt idx="1651">
                  <c:v>16510</c:v>
                </c:pt>
                <c:pt idx="1652">
                  <c:v>16520</c:v>
                </c:pt>
                <c:pt idx="1653">
                  <c:v>16530</c:v>
                </c:pt>
                <c:pt idx="1654">
                  <c:v>16540</c:v>
                </c:pt>
                <c:pt idx="1655">
                  <c:v>16550</c:v>
                </c:pt>
                <c:pt idx="1656">
                  <c:v>16560</c:v>
                </c:pt>
                <c:pt idx="1657">
                  <c:v>16570</c:v>
                </c:pt>
                <c:pt idx="1658">
                  <c:v>16580</c:v>
                </c:pt>
                <c:pt idx="1659">
                  <c:v>16590</c:v>
                </c:pt>
                <c:pt idx="1660">
                  <c:v>16600</c:v>
                </c:pt>
                <c:pt idx="1661">
                  <c:v>16610</c:v>
                </c:pt>
                <c:pt idx="1662">
                  <c:v>16620</c:v>
                </c:pt>
                <c:pt idx="1663">
                  <c:v>16630</c:v>
                </c:pt>
                <c:pt idx="1664">
                  <c:v>16640</c:v>
                </c:pt>
                <c:pt idx="1665">
                  <c:v>16650</c:v>
                </c:pt>
                <c:pt idx="1666">
                  <c:v>16660</c:v>
                </c:pt>
                <c:pt idx="1667">
                  <c:v>16670</c:v>
                </c:pt>
                <c:pt idx="1668">
                  <c:v>16680</c:v>
                </c:pt>
                <c:pt idx="1669">
                  <c:v>16690</c:v>
                </c:pt>
                <c:pt idx="1670">
                  <c:v>16700</c:v>
                </c:pt>
                <c:pt idx="1671">
                  <c:v>16710</c:v>
                </c:pt>
                <c:pt idx="1672">
                  <c:v>16720</c:v>
                </c:pt>
                <c:pt idx="1673">
                  <c:v>16730</c:v>
                </c:pt>
                <c:pt idx="1674">
                  <c:v>16740</c:v>
                </c:pt>
                <c:pt idx="1675">
                  <c:v>16750</c:v>
                </c:pt>
                <c:pt idx="1676">
                  <c:v>16760</c:v>
                </c:pt>
                <c:pt idx="1677">
                  <c:v>16770</c:v>
                </c:pt>
                <c:pt idx="1678">
                  <c:v>16780</c:v>
                </c:pt>
                <c:pt idx="1679">
                  <c:v>16790</c:v>
                </c:pt>
                <c:pt idx="1680">
                  <c:v>16800</c:v>
                </c:pt>
                <c:pt idx="1681">
                  <c:v>16810</c:v>
                </c:pt>
                <c:pt idx="1682">
                  <c:v>16820</c:v>
                </c:pt>
                <c:pt idx="1683">
                  <c:v>16830</c:v>
                </c:pt>
                <c:pt idx="1684">
                  <c:v>16840</c:v>
                </c:pt>
                <c:pt idx="1685">
                  <c:v>16850</c:v>
                </c:pt>
                <c:pt idx="1686">
                  <c:v>16860</c:v>
                </c:pt>
                <c:pt idx="1687">
                  <c:v>16870</c:v>
                </c:pt>
                <c:pt idx="1688">
                  <c:v>16880</c:v>
                </c:pt>
                <c:pt idx="1689">
                  <c:v>16890</c:v>
                </c:pt>
                <c:pt idx="1690">
                  <c:v>16900</c:v>
                </c:pt>
                <c:pt idx="1691">
                  <c:v>16910</c:v>
                </c:pt>
                <c:pt idx="1692">
                  <c:v>16920</c:v>
                </c:pt>
                <c:pt idx="1693">
                  <c:v>16930</c:v>
                </c:pt>
                <c:pt idx="1694">
                  <c:v>16940</c:v>
                </c:pt>
                <c:pt idx="1695">
                  <c:v>16950</c:v>
                </c:pt>
                <c:pt idx="1696">
                  <c:v>16960</c:v>
                </c:pt>
                <c:pt idx="1697">
                  <c:v>16970</c:v>
                </c:pt>
                <c:pt idx="1698">
                  <c:v>16980</c:v>
                </c:pt>
                <c:pt idx="1699">
                  <c:v>16990</c:v>
                </c:pt>
                <c:pt idx="1700">
                  <c:v>17000</c:v>
                </c:pt>
                <c:pt idx="1701">
                  <c:v>17010</c:v>
                </c:pt>
                <c:pt idx="1702">
                  <c:v>17020</c:v>
                </c:pt>
                <c:pt idx="1703">
                  <c:v>17030</c:v>
                </c:pt>
                <c:pt idx="1704">
                  <c:v>17040</c:v>
                </c:pt>
                <c:pt idx="1705">
                  <c:v>17050</c:v>
                </c:pt>
                <c:pt idx="1706">
                  <c:v>17060</c:v>
                </c:pt>
                <c:pt idx="1707">
                  <c:v>17070</c:v>
                </c:pt>
                <c:pt idx="1708">
                  <c:v>17080</c:v>
                </c:pt>
                <c:pt idx="1709">
                  <c:v>17090</c:v>
                </c:pt>
                <c:pt idx="1710">
                  <c:v>17100</c:v>
                </c:pt>
                <c:pt idx="1711">
                  <c:v>17110</c:v>
                </c:pt>
                <c:pt idx="1712">
                  <c:v>17120</c:v>
                </c:pt>
                <c:pt idx="1713">
                  <c:v>17130</c:v>
                </c:pt>
                <c:pt idx="1714">
                  <c:v>17140</c:v>
                </c:pt>
                <c:pt idx="1715">
                  <c:v>17150</c:v>
                </c:pt>
                <c:pt idx="1716">
                  <c:v>17160</c:v>
                </c:pt>
                <c:pt idx="1717">
                  <c:v>17170</c:v>
                </c:pt>
                <c:pt idx="1718">
                  <c:v>17180</c:v>
                </c:pt>
                <c:pt idx="1719">
                  <c:v>17190</c:v>
                </c:pt>
                <c:pt idx="1720">
                  <c:v>17200</c:v>
                </c:pt>
                <c:pt idx="1721">
                  <c:v>17210</c:v>
                </c:pt>
                <c:pt idx="1722">
                  <c:v>17220</c:v>
                </c:pt>
                <c:pt idx="1723">
                  <c:v>17230</c:v>
                </c:pt>
                <c:pt idx="1724">
                  <c:v>17240</c:v>
                </c:pt>
                <c:pt idx="1725">
                  <c:v>17250</c:v>
                </c:pt>
                <c:pt idx="1726">
                  <c:v>17260</c:v>
                </c:pt>
                <c:pt idx="1727">
                  <c:v>17270</c:v>
                </c:pt>
                <c:pt idx="1728">
                  <c:v>17280</c:v>
                </c:pt>
                <c:pt idx="1729">
                  <c:v>17290</c:v>
                </c:pt>
                <c:pt idx="1730">
                  <c:v>17300</c:v>
                </c:pt>
                <c:pt idx="1731">
                  <c:v>17310</c:v>
                </c:pt>
                <c:pt idx="1732">
                  <c:v>17320</c:v>
                </c:pt>
                <c:pt idx="1733">
                  <c:v>17330</c:v>
                </c:pt>
                <c:pt idx="1734">
                  <c:v>17340</c:v>
                </c:pt>
                <c:pt idx="1735">
                  <c:v>17350</c:v>
                </c:pt>
                <c:pt idx="1736">
                  <c:v>17360</c:v>
                </c:pt>
                <c:pt idx="1737">
                  <c:v>17370</c:v>
                </c:pt>
                <c:pt idx="1738">
                  <c:v>17380</c:v>
                </c:pt>
                <c:pt idx="1739">
                  <c:v>17390</c:v>
                </c:pt>
                <c:pt idx="1740">
                  <c:v>17400</c:v>
                </c:pt>
                <c:pt idx="1741">
                  <c:v>17410</c:v>
                </c:pt>
                <c:pt idx="1742">
                  <c:v>17420</c:v>
                </c:pt>
                <c:pt idx="1743">
                  <c:v>17430</c:v>
                </c:pt>
                <c:pt idx="1744">
                  <c:v>17440</c:v>
                </c:pt>
                <c:pt idx="1745">
                  <c:v>17450</c:v>
                </c:pt>
                <c:pt idx="1746">
                  <c:v>17460</c:v>
                </c:pt>
                <c:pt idx="1747">
                  <c:v>17470</c:v>
                </c:pt>
                <c:pt idx="1748">
                  <c:v>17480</c:v>
                </c:pt>
                <c:pt idx="1749">
                  <c:v>17490</c:v>
                </c:pt>
                <c:pt idx="1750">
                  <c:v>17500</c:v>
                </c:pt>
                <c:pt idx="1751">
                  <c:v>17510</c:v>
                </c:pt>
                <c:pt idx="1752">
                  <c:v>17520</c:v>
                </c:pt>
                <c:pt idx="1753">
                  <c:v>17530</c:v>
                </c:pt>
                <c:pt idx="1754">
                  <c:v>17540</c:v>
                </c:pt>
                <c:pt idx="1755">
                  <c:v>17550</c:v>
                </c:pt>
                <c:pt idx="1756">
                  <c:v>17560</c:v>
                </c:pt>
                <c:pt idx="1757">
                  <c:v>17570</c:v>
                </c:pt>
                <c:pt idx="1758">
                  <c:v>17580</c:v>
                </c:pt>
                <c:pt idx="1759">
                  <c:v>17590</c:v>
                </c:pt>
                <c:pt idx="1760">
                  <c:v>17600</c:v>
                </c:pt>
                <c:pt idx="1761">
                  <c:v>17610</c:v>
                </c:pt>
                <c:pt idx="1762">
                  <c:v>17620</c:v>
                </c:pt>
                <c:pt idx="1763">
                  <c:v>17630</c:v>
                </c:pt>
                <c:pt idx="1764">
                  <c:v>17640</c:v>
                </c:pt>
                <c:pt idx="1765">
                  <c:v>17650</c:v>
                </c:pt>
                <c:pt idx="1766">
                  <c:v>17660</c:v>
                </c:pt>
                <c:pt idx="1767">
                  <c:v>17670</c:v>
                </c:pt>
                <c:pt idx="1768">
                  <c:v>17680</c:v>
                </c:pt>
                <c:pt idx="1769">
                  <c:v>17690</c:v>
                </c:pt>
                <c:pt idx="1770">
                  <c:v>17700</c:v>
                </c:pt>
                <c:pt idx="1771">
                  <c:v>17710</c:v>
                </c:pt>
                <c:pt idx="1772">
                  <c:v>17720</c:v>
                </c:pt>
                <c:pt idx="1773">
                  <c:v>17730</c:v>
                </c:pt>
                <c:pt idx="1774">
                  <c:v>17740</c:v>
                </c:pt>
                <c:pt idx="1775">
                  <c:v>17750</c:v>
                </c:pt>
                <c:pt idx="1776">
                  <c:v>17760</c:v>
                </c:pt>
                <c:pt idx="1777">
                  <c:v>17770</c:v>
                </c:pt>
                <c:pt idx="1778">
                  <c:v>17780</c:v>
                </c:pt>
                <c:pt idx="1779">
                  <c:v>17790</c:v>
                </c:pt>
                <c:pt idx="1780">
                  <c:v>17800</c:v>
                </c:pt>
                <c:pt idx="1781">
                  <c:v>17810</c:v>
                </c:pt>
                <c:pt idx="1782">
                  <c:v>17820</c:v>
                </c:pt>
                <c:pt idx="1783">
                  <c:v>17830</c:v>
                </c:pt>
                <c:pt idx="1784">
                  <c:v>17840</c:v>
                </c:pt>
                <c:pt idx="1785">
                  <c:v>17850</c:v>
                </c:pt>
                <c:pt idx="1786">
                  <c:v>17860</c:v>
                </c:pt>
                <c:pt idx="1787">
                  <c:v>17870</c:v>
                </c:pt>
                <c:pt idx="1788">
                  <c:v>17880</c:v>
                </c:pt>
                <c:pt idx="1789">
                  <c:v>17890</c:v>
                </c:pt>
                <c:pt idx="1790">
                  <c:v>17900</c:v>
                </c:pt>
                <c:pt idx="1791">
                  <c:v>17910</c:v>
                </c:pt>
                <c:pt idx="1792">
                  <c:v>17920</c:v>
                </c:pt>
                <c:pt idx="1793">
                  <c:v>17930</c:v>
                </c:pt>
                <c:pt idx="1794">
                  <c:v>17940</c:v>
                </c:pt>
                <c:pt idx="1795">
                  <c:v>17950</c:v>
                </c:pt>
                <c:pt idx="1796">
                  <c:v>17960</c:v>
                </c:pt>
                <c:pt idx="1797">
                  <c:v>17970</c:v>
                </c:pt>
                <c:pt idx="1798">
                  <c:v>17980</c:v>
                </c:pt>
                <c:pt idx="1799">
                  <c:v>17990</c:v>
                </c:pt>
                <c:pt idx="1800">
                  <c:v>18000</c:v>
                </c:pt>
                <c:pt idx="1801">
                  <c:v>18010</c:v>
                </c:pt>
                <c:pt idx="1802">
                  <c:v>18020</c:v>
                </c:pt>
                <c:pt idx="1803">
                  <c:v>18030</c:v>
                </c:pt>
                <c:pt idx="1804">
                  <c:v>18040</c:v>
                </c:pt>
                <c:pt idx="1805">
                  <c:v>18050</c:v>
                </c:pt>
                <c:pt idx="1806">
                  <c:v>18060</c:v>
                </c:pt>
                <c:pt idx="1807">
                  <c:v>18070</c:v>
                </c:pt>
                <c:pt idx="1808">
                  <c:v>18080</c:v>
                </c:pt>
                <c:pt idx="1809">
                  <c:v>18090</c:v>
                </c:pt>
                <c:pt idx="1810">
                  <c:v>18100</c:v>
                </c:pt>
                <c:pt idx="1811">
                  <c:v>18110</c:v>
                </c:pt>
                <c:pt idx="1812">
                  <c:v>18120</c:v>
                </c:pt>
                <c:pt idx="1813">
                  <c:v>18130</c:v>
                </c:pt>
                <c:pt idx="1814">
                  <c:v>18140</c:v>
                </c:pt>
                <c:pt idx="1815">
                  <c:v>18150</c:v>
                </c:pt>
                <c:pt idx="1816">
                  <c:v>18160</c:v>
                </c:pt>
                <c:pt idx="1817">
                  <c:v>18170</c:v>
                </c:pt>
                <c:pt idx="1818">
                  <c:v>18180</c:v>
                </c:pt>
                <c:pt idx="1819">
                  <c:v>18190</c:v>
                </c:pt>
                <c:pt idx="1820">
                  <c:v>18200</c:v>
                </c:pt>
                <c:pt idx="1821">
                  <c:v>18210</c:v>
                </c:pt>
                <c:pt idx="1822">
                  <c:v>18220</c:v>
                </c:pt>
                <c:pt idx="1823">
                  <c:v>18230</c:v>
                </c:pt>
                <c:pt idx="1824">
                  <c:v>18240</c:v>
                </c:pt>
                <c:pt idx="1825">
                  <c:v>18250</c:v>
                </c:pt>
                <c:pt idx="1826">
                  <c:v>18260</c:v>
                </c:pt>
                <c:pt idx="1827">
                  <c:v>18270</c:v>
                </c:pt>
                <c:pt idx="1828">
                  <c:v>18280</c:v>
                </c:pt>
                <c:pt idx="1829">
                  <c:v>18290</c:v>
                </c:pt>
                <c:pt idx="1830">
                  <c:v>18300</c:v>
                </c:pt>
                <c:pt idx="1831">
                  <c:v>18310</c:v>
                </c:pt>
                <c:pt idx="1832">
                  <c:v>18320</c:v>
                </c:pt>
                <c:pt idx="1833">
                  <c:v>18330</c:v>
                </c:pt>
                <c:pt idx="1834">
                  <c:v>18340</c:v>
                </c:pt>
                <c:pt idx="1835">
                  <c:v>18350</c:v>
                </c:pt>
                <c:pt idx="1836">
                  <c:v>18360</c:v>
                </c:pt>
                <c:pt idx="1837">
                  <c:v>18370</c:v>
                </c:pt>
                <c:pt idx="1838">
                  <c:v>18380</c:v>
                </c:pt>
                <c:pt idx="1839">
                  <c:v>18390</c:v>
                </c:pt>
                <c:pt idx="1840">
                  <c:v>18400</c:v>
                </c:pt>
                <c:pt idx="1841">
                  <c:v>18410</c:v>
                </c:pt>
                <c:pt idx="1842">
                  <c:v>18420</c:v>
                </c:pt>
                <c:pt idx="1843">
                  <c:v>18430</c:v>
                </c:pt>
                <c:pt idx="1844">
                  <c:v>18440</c:v>
                </c:pt>
                <c:pt idx="1845">
                  <c:v>18450</c:v>
                </c:pt>
                <c:pt idx="1846">
                  <c:v>18460</c:v>
                </c:pt>
                <c:pt idx="1847">
                  <c:v>18470</c:v>
                </c:pt>
                <c:pt idx="1848">
                  <c:v>18480</c:v>
                </c:pt>
                <c:pt idx="1849">
                  <c:v>18490</c:v>
                </c:pt>
                <c:pt idx="1850">
                  <c:v>18500</c:v>
                </c:pt>
                <c:pt idx="1851">
                  <c:v>18510</c:v>
                </c:pt>
                <c:pt idx="1852">
                  <c:v>18520</c:v>
                </c:pt>
                <c:pt idx="1853">
                  <c:v>18530</c:v>
                </c:pt>
                <c:pt idx="1854">
                  <c:v>18540</c:v>
                </c:pt>
                <c:pt idx="1855">
                  <c:v>18550</c:v>
                </c:pt>
                <c:pt idx="1856">
                  <c:v>18560</c:v>
                </c:pt>
                <c:pt idx="1857">
                  <c:v>18570</c:v>
                </c:pt>
                <c:pt idx="1858">
                  <c:v>18580</c:v>
                </c:pt>
                <c:pt idx="1859">
                  <c:v>18590</c:v>
                </c:pt>
                <c:pt idx="1860">
                  <c:v>18600</c:v>
                </c:pt>
                <c:pt idx="1861">
                  <c:v>18610</c:v>
                </c:pt>
                <c:pt idx="1862">
                  <c:v>18620</c:v>
                </c:pt>
                <c:pt idx="1863">
                  <c:v>18630</c:v>
                </c:pt>
                <c:pt idx="1864">
                  <c:v>18640</c:v>
                </c:pt>
                <c:pt idx="1865">
                  <c:v>18650</c:v>
                </c:pt>
                <c:pt idx="1866">
                  <c:v>18660</c:v>
                </c:pt>
                <c:pt idx="1867">
                  <c:v>18670</c:v>
                </c:pt>
                <c:pt idx="1868">
                  <c:v>18680</c:v>
                </c:pt>
                <c:pt idx="1869">
                  <c:v>18690</c:v>
                </c:pt>
                <c:pt idx="1870">
                  <c:v>18700</c:v>
                </c:pt>
                <c:pt idx="1871">
                  <c:v>18710</c:v>
                </c:pt>
                <c:pt idx="1872">
                  <c:v>18720</c:v>
                </c:pt>
                <c:pt idx="1873">
                  <c:v>18730</c:v>
                </c:pt>
                <c:pt idx="1874">
                  <c:v>18740</c:v>
                </c:pt>
                <c:pt idx="1875">
                  <c:v>18750</c:v>
                </c:pt>
                <c:pt idx="1876">
                  <c:v>18760</c:v>
                </c:pt>
                <c:pt idx="1877">
                  <c:v>18770</c:v>
                </c:pt>
                <c:pt idx="1878">
                  <c:v>18780</c:v>
                </c:pt>
                <c:pt idx="1879">
                  <c:v>18790</c:v>
                </c:pt>
                <c:pt idx="1880">
                  <c:v>18800</c:v>
                </c:pt>
                <c:pt idx="1881">
                  <c:v>18810</c:v>
                </c:pt>
                <c:pt idx="1882">
                  <c:v>18820</c:v>
                </c:pt>
                <c:pt idx="1883">
                  <c:v>18830</c:v>
                </c:pt>
                <c:pt idx="1884">
                  <c:v>18840</c:v>
                </c:pt>
                <c:pt idx="1885">
                  <c:v>18850</c:v>
                </c:pt>
                <c:pt idx="1886">
                  <c:v>18860</c:v>
                </c:pt>
                <c:pt idx="1887">
                  <c:v>18870</c:v>
                </c:pt>
                <c:pt idx="1888">
                  <c:v>18880</c:v>
                </c:pt>
                <c:pt idx="1889">
                  <c:v>18890</c:v>
                </c:pt>
                <c:pt idx="1890">
                  <c:v>18900</c:v>
                </c:pt>
                <c:pt idx="1891">
                  <c:v>18910</c:v>
                </c:pt>
                <c:pt idx="1892">
                  <c:v>18920</c:v>
                </c:pt>
                <c:pt idx="1893">
                  <c:v>18930</c:v>
                </c:pt>
                <c:pt idx="1894">
                  <c:v>18940</c:v>
                </c:pt>
                <c:pt idx="1895">
                  <c:v>18950</c:v>
                </c:pt>
                <c:pt idx="1896">
                  <c:v>18960</c:v>
                </c:pt>
                <c:pt idx="1897">
                  <c:v>18970</c:v>
                </c:pt>
                <c:pt idx="1898">
                  <c:v>18980</c:v>
                </c:pt>
                <c:pt idx="1899">
                  <c:v>18990</c:v>
                </c:pt>
                <c:pt idx="1900">
                  <c:v>19000</c:v>
                </c:pt>
                <c:pt idx="1901">
                  <c:v>19010</c:v>
                </c:pt>
                <c:pt idx="1902">
                  <c:v>19020</c:v>
                </c:pt>
                <c:pt idx="1903">
                  <c:v>19030</c:v>
                </c:pt>
                <c:pt idx="1904">
                  <c:v>19040</c:v>
                </c:pt>
                <c:pt idx="1905">
                  <c:v>19050</c:v>
                </c:pt>
                <c:pt idx="1906">
                  <c:v>19060</c:v>
                </c:pt>
                <c:pt idx="1907">
                  <c:v>19070</c:v>
                </c:pt>
                <c:pt idx="1908">
                  <c:v>19080</c:v>
                </c:pt>
                <c:pt idx="1909">
                  <c:v>19090</c:v>
                </c:pt>
                <c:pt idx="1910">
                  <c:v>19100</c:v>
                </c:pt>
                <c:pt idx="1911">
                  <c:v>19110</c:v>
                </c:pt>
                <c:pt idx="1912">
                  <c:v>19120</c:v>
                </c:pt>
                <c:pt idx="1913">
                  <c:v>19130</c:v>
                </c:pt>
                <c:pt idx="1914">
                  <c:v>19140</c:v>
                </c:pt>
                <c:pt idx="1915">
                  <c:v>19150</c:v>
                </c:pt>
                <c:pt idx="1916">
                  <c:v>19160</c:v>
                </c:pt>
                <c:pt idx="1917">
                  <c:v>19170</c:v>
                </c:pt>
                <c:pt idx="1918">
                  <c:v>19180</c:v>
                </c:pt>
                <c:pt idx="1919">
                  <c:v>19190</c:v>
                </c:pt>
                <c:pt idx="1920">
                  <c:v>19200</c:v>
                </c:pt>
                <c:pt idx="1921">
                  <c:v>19210</c:v>
                </c:pt>
                <c:pt idx="1922">
                  <c:v>19220</c:v>
                </c:pt>
                <c:pt idx="1923">
                  <c:v>19230</c:v>
                </c:pt>
                <c:pt idx="1924">
                  <c:v>19240</c:v>
                </c:pt>
                <c:pt idx="1925">
                  <c:v>19250</c:v>
                </c:pt>
                <c:pt idx="1926">
                  <c:v>19260</c:v>
                </c:pt>
                <c:pt idx="1927">
                  <c:v>19270</c:v>
                </c:pt>
                <c:pt idx="1928">
                  <c:v>19280</c:v>
                </c:pt>
                <c:pt idx="1929">
                  <c:v>19290</c:v>
                </c:pt>
                <c:pt idx="1930">
                  <c:v>19300</c:v>
                </c:pt>
                <c:pt idx="1931">
                  <c:v>19310</c:v>
                </c:pt>
                <c:pt idx="1932">
                  <c:v>19320</c:v>
                </c:pt>
                <c:pt idx="1933">
                  <c:v>19330</c:v>
                </c:pt>
                <c:pt idx="1934">
                  <c:v>19340</c:v>
                </c:pt>
                <c:pt idx="1935">
                  <c:v>19350</c:v>
                </c:pt>
                <c:pt idx="1936">
                  <c:v>19360</c:v>
                </c:pt>
                <c:pt idx="1937">
                  <c:v>19370</c:v>
                </c:pt>
                <c:pt idx="1938">
                  <c:v>19380</c:v>
                </c:pt>
                <c:pt idx="1939">
                  <c:v>19390</c:v>
                </c:pt>
                <c:pt idx="1940">
                  <c:v>19400</c:v>
                </c:pt>
                <c:pt idx="1941">
                  <c:v>19410</c:v>
                </c:pt>
                <c:pt idx="1942">
                  <c:v>19420</c:v>
                </c:pt>
                <c:pt idx="1943">
                  <c:v>19430</c:v>
                </c:pt>
                <c:pt idx="1944">
                  <c:v>19440</c:v>
                </c:pt>
                <c:pt idx="1945">
                  <c:v>19450</c:v>
                </c:pt>
                <c:pt idx="1946">
                  <c:v>19460</c:v>
                </c:pt>
                <c:pt idx="1947">
                  <c:v>19470</c:v>
                </c:pt>
                <c:pt idx="1948">
                  <c:v>19480</c:v>
                </c:pt>
                <c:pt idx="1949">
                  <c:v>19490</c:v>
                </c:pt>
                <c:pt idx="1950">
                  <c:v>19500</c:v>
                </c:pt>
                <c:pt idx="1951">
                  <c:v>19510</c:v>
                </c:pt>
                <c:pt idx="1952">
                  <c:v>19520</c:v>
                </c:pt>
                <c:pt idx="1953">
                  <c:v>19530</c:v>
                </c:pt>
                <c:pt idx="1954">
                  <c:v>19540</c:v>
                </c:pt>
                <c:pt idx="1955">
                  <c:v>19550</c:v>
                </c:pt>
                <c:pt idx="1956">
                  <c:v>19560</c:v>
                </c:pt>
                <c:pt idx="1957">
                  <c:v>19570</c:v>
                </c:pt>
                <c:pt idx="1958">
                  <c:v>19580</c:v>
                </c:pt>
                <c:pt idx="1959">
                  <c:v>19590</c:v>
                </c:pt>
                <c:pt idx="1960">
                  <c:v>19600</c:v>
                </c:pt>
                <c:pt idx="1961">
                  <c:v>19610</c:v>
                </c:pt>
                <c:pt idx="1962">
                  <c:v>19620</c:v>
                </c:pt>
                <c:pt idx="1963">
                  <c:v>19630</c:v>
                </c:pt>
                <c:pt idx="1964">
                  <c:v>19640</c:v>
                </c:pt>
                <c:pt idx="1965">
                  <c:v>19650</c:v>
                </c:pt>
                <c:pt idx="1966">
                  <c:v>19660</c:v>
                </c:pt>
                <c:pt idx="1967">
                  <c:v>19670</c:v>
                </c:pt>
                <c:pt idx="1968">
                  <c:v>19680</c:v>
                </c:pt>
                <c:pt idx="1969">
                  <c:v>19690</c:v>
                </c:pt>
                <c:pt idx="1970">
                  <c:v>19700</c:v>
                </c:pt>
                <c:pt idx="1971">
                  <c:v>19710</c:v>
                </c:pt>
                <c:pt idx="1972">
                  <c:v>19720</c:v>
                </c:pt>
                <c:pt idx="1973">
                  <c:v>19730</c:v>
                </c:pt>
                <c:pt idx="1974">
                  <c:v>19740</c:v>
                </c:pt>
                <c:pt idx="1975">
                  <c:v>19750</c:v>
                </c:pt>
                <c:pt idx="1976">
                  <c:v>19760</c:v>
                </c:pt>
                <c:pt idx="1977">
                  <c:v>19770</c:v>
                </c:pt>
                <c:pt idx="1978">
                  <c:v>19780</c:v>
                </c:pt>
                <c:pt idx="1979">
                  <c:v>19790</c:v>
                </c:pt>
                <c:pt idx="1980">
                  <c:v>19800</c:v>
                </c:pt>
                <c:pt idx="1981">
                  <c:v>19810</c:v>
                </c:pt>
                <c:pt idx="1982">
                  <c:v>19820</c:v>
                </c:pt>
                <c:pt idx="1983">
                  <c:v>19830</c:v>
                </c:pt>
                <c:pt idx="1984">
                  <c:v>19840</c:v>
                </c:pt>
                <c:pt idx="1985">
                  <c:v>19850</c:v>
                </c:pt>
                <c:pt idx="1986">
                  <c:v>19860</c:v>
                </c:pt>
                <c:pt idx="1987">
                  <c:v>19870</c:v>
                </c:pt>
                <c:pt idx="1988">
                  <c:v>19880</c:v>
                </c:pt>
                <c:pt idx="1989">
                  <c:v>19890</c:v>
                </c:pt>
                <c:pt idx="1990">
                  <c:v>19900</c:v>
                </c:pt>
                <c:pt idx="1991">
                  <c:v>19910</c:v>
                </c:pt>
                <c:pt idx="1992">
                  <c:v>19920</c:v>
                </c:pt>
                <c:pt idx="1993">
                  <c:v>19930</c:v>
                </c:pt>
                <c:pt idx="1994">
                  <c:v>19940</c:v>
                </c:pt>
                <c:pt idx="1995">
                  <c:v>19950</c:v>
                </c:pt>
                <c:pt idx="1996">
                  <c:v>19960</c:v>
                </c:pt>
                <c:pt idx="1997">
                  <c:v>19970</c:v>
                </c:pt>
                <c:pt idx="1998">
                  <c:v>19980</c:v>
                </c:pt>
                <c:pt idx="1999">
                  <c:v>19990</c:v>
                </c:pt>
                <c:pt idx="2000">
                  <c:v>20000</c:v>
                </c:pt>
                <c:pt idx="2001">
                  <c:v>20010</c:v>
                </c:pt>
                <c:pt idx="2002">
                  <c:v>20020</c:v>
                </c:pt>
                <c:pt idx="2003">
                  <c:v>20030</c:v>
                </c:pt>
                <c:pt idx="2004">
                  <c:v>20040</c:v>
                </c:pt>
                <c:pt idx="2005">
                  <c:v>20050</c:v>
                </c:pt>
                <c:pt idx="2006">
                  <c:v>20060</c:v>
                </c:pt>
                <c:pt idx="2007">
                  <c:v>20070</c:v>
                </c:pt>
                <c:pt idx="2008">
                  <c:v>20080</c:v>
                </c:pt>
                <c:pt idx="2009">
                  <c:v>20090</c:v>
                </c:pt>
                <c:pt idx="2010">
                  <c:v>20100</c:v>
                </c:pt>
                <c:pt idx="2011">
                  <c:v>20110</c:v>
                </c:pt>
                <c:pt idx="2012">
                  <c:v>20120</c:v>
                </c:pt>
                <c:pt idx="2013">
                  <c:v>20130</c:v>
                </c:pt>
                <c:pt idx="2014">
                  <c:v>20140</c:v>
                </c:pt>
                <c:pt idx="2015">
                  <c:v>20150</c:v>
                </c:pt>
                <c:pt idx="2016">
                  <c:v>20160</c:v>
                </c:pt>
                <c:pt idx="2017">
                  <c:v>20170</c:v>
                </c:pt>
                <c:pt idx="2018">
                  <c:v>20180</c:v>
                </c:pt>
                <c:pt idx="2019">
                  <c:v>20190</c:v>
                </c:pt>
                <c:pt idx="2020">
                  <c:v>20200</c:v>
                </c:pt>
                <c:pt idx="2021">
                  <c:v>20210</c:v>
                </c:pt>
                <c:pt idx="2022">
                  <c:v>20220</c:v>
                </c:pt>
                <c:pt idx="2023">
                  <c:v>20230</c:v>
                </c:pt>
                <c:pt idx="2024">
                  <c:v>20240</c:v>
                </c:pt>
                <c:pt idx="2025">
                  <c:v>20250</c:v>
                </c:pt>
                <c:pt idx="2026">
                  <c:v>20260</c:v>
                </c:pt>
                <c:pt idx="2027">
                  <c:v>20270</c:v>
                </c:pt>
                <c:pt idx="2028">
                  <c:v>20280</c:v>
                </c:pt>
                <c:pt idx="2029">
                  <c:v>20290</c:v>
                </c:pt>
                <c:pt idx="2030">
                  <c:v>20300</c:v>
                </c:pt>
                <c:pt idx="2031">
                  <c:v>20310</c:v>
                </c:pt>
                <c:pt idx="2032">
                  <c:v>20320</c:v>
                </c:pt>
                <c:pt idx="2033">
                  <c:v>20330</c:v>
                </c:pt>
                <c:pt idx="2034">
                  <c:v>20340</c:v>
                </c:pt>
                <c:pt idx="2035">
                  <c:v>20350</c:v>
                </c:pt>
                <c:pt idx="2036">
                  <c:v>20360</c:v>
                </c:pt>
                <c:pt idx="2037">
                  <c:v>20370</c:v>
                </c:pt>
                <c:pt idx="2038">
                  <c:v>20380</c:v>
                </c:pt>
                <c:pt idx="2039">
                  <c:v>20390</c:v>
                </c:pt>
                <c:pt idx="2040">
                  <c:v>20400</c:v>
                </c:pt>
                <c:pt idx="2041">
                  <c:v>20410</c:v>
                </c:pt>
                <c:pt idx="2042">
                  <c:v>20420</c:v>
                </c:pt>
                <c:pt idx="2043">
                  <c:v>20430</c:v>
                </c:pt>
                <c:pt idx="2044">
                  <c:v>20440</c:v>
                </c:pt>
                <c:pt idx="2045">
                  <c:v>20450</c:v>
                </c:pt>
                <c:pt idx="2046">
                  <c:v>20460</c:v>
                </c:pt>
                <c:pt idx="2047">
                  <c:v>20470</c:v>
                </c:pt>
                <c:pt idx="2048">
                  <c:v>20480</c:v>
                </c:pt>
                <c:pt idx="2049">
                  <c:v>20490</c:v>
                </c:pt>
                <c:pt idx="2050">
                  <c:v>20500</c:v>
                </c:pt>
                <c:pt idx="2051">
                  <c:v>20510</c:v>
                </c:pt>
                <c:pt idx="2052">
                  <c:v>20520</c:v>
                </c:pt>
                <c:pt idx="2053">
                  <c:v>20530</c:v>
                </c:pt>
                <c:pt idx="2054">
                  <c:v>20540</c:v>
                </c:pt>
                <c:pt idx="2055">
                  <c:v>20550</c:v>
                </c:pt>
                <c:pt idx="2056">
                  <c:v>20560</c:v>
                </c:pt>
                <c:pt idx="2057">
                  <c:v>20570</c:v>
                </c:pt>
                <c:pt idx="2058">
                  <c:v>20580</c:v>
                </c:pt>
                <c:pt idx="2059">
                  <c:v>20590</c:v>
                </c:pt>
                <c:pt idx="2060">
                  <c:v>20600</c:v>
                </c:pt>
                <c:pt idx="2061">
                  <c:v>20610</c:v>
                </c:pt>
                <c:pt idx="2062">
                  <c:v>20620</c:v>
                </c:pt>
                <c:pt idx="2063">
                  <c:v>20630</c:v>
                </c:pt>
                <c:pt idx="2064">
                  <c:v>20640</c:v>
                </c:pt>
                <c:pt idx="2065">
                  <c:v>20650</c:v>
                </c:pt>
                <c:pt idx="2066">
                  <c:v>20660</c:v>
                </c:pt>
                <c:pt idx="2067">
                  <c:v>20670</c:v>
                </c:pt>
                <c:pt idx="2068">
                  <c:v>20680</c:v>
                </c:pt>
                <c:pt idx="2069">
                  <c:v>20690</c:v>
                </c:pt>
                <c:pt idx="2070">
                  <c:v>20700</c:v>
                </c:pt>
                <c:pt idx="2071">
                  <c:v>20710</c:v>
                </c:pt>
                <c:pt idx="2072">
                  <c:v>20720</c:v>
                </c:pt>
                <c:pt idx="2073">
                  <c:v>20730</c:v>
                </c:pt>
                <c:pt idx="2074">
                  <c:v>20740</c:v>
                </c:pt>
                <c:pt idx="2075">
                  <c:v>20750</c:v>
                </c:pt>
                <c:pt idx="2076">
                  <c:v>20760</c:v>
                </c:pt>
                <c:pt idx="2077">
                  <c:v>20770</c:v>
                </c:pt>
                <c:pt idx="2078">
                  <c:v>20780</c:v>
                </c:pt>
                <c:pt idx="2079">
                  <c:v>20790</c:v>
                </c:pt>
                <c:pt idx="2080">
                  <c:v>20800</c:v>
                </c:pt>
                <c:pt idx="2081">
                  <c:v>20810</c:v>
                </c:pt>
                <c:pt idx="2082">
                  <c:v>20820</c:v>
                </c:pt>
                <c:pt idx="2083">
                  <c:v>20830</c:v>
                </c:pt>
                <c:pt idx="2084">
                  <c:v>20840</c:v>
                </c:pt>
                <c:pt idx="2085">
                  <c:v>20850</c:v>
                </c:pt>
                <c:pt idx="2086">
                  <c:v>20860</c:v>
                </c:pt>
                <c:pt idx="2087">
                  <c:v>20870</c:v>
                </c:pt>
                <c:pt idx="2088">
                  <c:v>20880</c:v>
                </c:pt>
                <c:pt idx="2089">
                  <c:v>20890</c:v>
                </c:pt>
                <c:pt idx="2090">
                  <c:v>20900</c:v>
                </c:pt>
                <c:pt idx="2091">
                  <c:v>20910</c:v>
                </c:pt>
                <c:pt idx="2092">
                  <c:v>20920</c:v>
                </c:pt>
                <c:pt idx="2093">
                  <c:v>20930</c:v>
                </c:pt>
                <c:pt idx="2094">
                  <c:v>20940</c:v>
                </c:pt>
                <c:pt idx="2095">
                  <c:v>20950</c:v>
                </c:pt>
                <c:pt idx="2096">
                  <c:v>20960</c:v>
                </c:pt>
                <c:pt idx="2097">
                  <c:v>20970</c:v>
                </c:pt>
                <c:pt idx="2098">
                  <c:v>20980</c:v>
                </c:pt>
                <c:pt idx="2099">
                  <c:v>20990</c:v>
                </c:pt>
                <c:pt idx="2100">
                  <c:v>21000</c:v>
                </c:pt>
                <c:pt idx="2101">
                  <c:v>21010</c:v>
                </c:pt>
                <c:pt idx="2102">
                  <c:v>21020</c:v>
                </c:pt>
                <c:pt idx="2103">
                  <c:v>21030</c:v>
                </c:pt>
                <c:pt idx="2104">
                  <c:v>21040</c:v>
                </c:pt>
                <c:pt idx="2105">
                  <c:v>21050</c:v>
                </c:pt>
                <c:pt idx="2106">
                  <c:v>21060</c:v>
                </c:pt>
                <c:pt idx="2107">
                  <c:v>21070</c:v>
                </c:pt>
                <c:pt idx="2108">
                  <c:v>21080</c:v>
                </c:pt>
                <c:pt idx="2109">
                  <c:v>21090</c:v>
                </c:pt>
                <c:pt idx="2110">
                  <c:v>21100</c:v>
                </c:pt>
                <c:pt idx="2111">
                  <c:v>21110</c:v>
                </c:pt>
                <c:pt idx="2112">
                  <c:v>21120</c:v>
                </c:pt>
                <c:pt idx="2113">
                  <c:v>21130</c:v>
                </c:pt>
                <c:pt idx="2114">
                  <c:v>21140</c:v>
                </c:pt>
                <c:pt idx="2115">
                  <c:v>21150</c:v>
                </c:pt>
                <c:pt idx="2116">
                  <c:v>21160</c:v>
                </c:pt>
                <c:pt idx="2117">
                  <c:v>21170</c:v>
                </c:pt>
                <c:pt idx="2118">
                  <c:v>21180</c:v>
                </c:pt>
                <c:pt idx="2119">
                  <c:v>21190</c:v>
                </c:pt>
                <c:pt idx="2120">
                  <c:v>21200</c:v>
                </c:pt>
                <c:pt idx="2121">
                  <c:v>21210</c:v>
                </c:pt>
                <c:pt idx="2122">
                  <c:v>21220</c:v>
                </c:pt>
                <c:pt idx="2123">
                  <c:v>21230</c:v>
                </c:pt>
                <c:pt idx="2124">
                  <c:v>21240</c:v>
                </c:pt>
                <c:pt idx="2125">
                  <c:v>21250</c:v>
                </c:pt>
                <c:pt idx="2126">
                  <c:v>21260</c:v>
                </c:pt>
                <c:pt idx="2127">
                  <c:v>21270</c:v>
                </c:pt>
                <c:pt idx="2128">
                  <c:v>21280</c:v>
                </c:pt>
                <c:pt idx="2129">
                  <c:v>21290</c:v>
                </c:pt>
                <c:pt idx="2130">
                  <c:v>21300</c:v>
                </c:pt>
                <c:pt idx="2131">
                  <c:v>21310</c:v>
                </c:pt>
                <c:pt idx="2132">
                  <c:v>21320</c:v>
                </c:pt>
                <c:pt idx="2133">
                  <c:v>21330</c:v>
                </c:pt>
                <c:pt idx="2134">
                  <c:v>21340</c:v>
                </c:pt>
                <c:pt idx="2135">
                  <c:v>21350</c:v>
                </c:pt>
                <c:pt idx="2136">
                  <c:v>21360</c:v>
                </c:pt>
                <c:pt idx="2137">
                  <c:v>21370</c:v>
                </c:pt>
                <c:pt idx="2138">
                  <c:v>21380</c:v>
                </c:pt>
                <c:pt idx="2139">
                  <c:v>21390</c:v>
                </c:pt>
                <c:pt idx="2140">
                  <c:v>21400</c:v>
                </c:pt>
                <c:pt idx="2141">
                  <c:v>21410</c:v>
                </c:pt>
                <c:pt idx="2142">
                  <c:v>21420</c:v>
                </c:pt>
                <c:pt idx="2143">
                  <c:v>21430</c:v>
                </c:pt>
                <c:pt idx="2144">
                  <c:v>21440</c:v>
                </c:pt>
                <c:pt idx="2145">
                  <c:v>21450</c:v>
                </c:pt>
                <c:pt idx="2146">
                  <c:v>21460</c:v>
                </c:pt>
                <c:pt idx="2147">
                  <c:v>21470</c:v>
                </c:pt>
                <c:pt idx="2148">
                  <c:v>21480</c:v>
                </c:pt>
                <c:pt idx="2149">
                  <c:v>21490</c:v>
                </c:pt>
                <c:pt idx="2150">
                  <c:v>21500</c:v>
                </c:pt>
                <c:pt idx="2151">
                  <c:v>21510</c:v>
                </c:pt>
                <c:pt idx="2152">
                  <c:v>21520</c:v>
                </c:pt>
                <c:pt idx="2153">
                  <c:v>21530</c:v>
                </c:pt>
                <c:pt idx="2154">
                  <c:v>21540</c:v>
                </c:pt>
                <c:pt idx="2155">
                  <c:v>21550</c:v>
                </c:pt>
                <c:pt idx="2156">
                  <c:v>21560</c:v>
                </c:pt>
                <c:pt idx="2157">
                  <c:v>21570</c:v>
                </c:pt>
                <c:pt idx="2158">
                  <c:v>21580</c:v>
                </c:pt>
                <c:pt idx="2159">
                  <c:v>21590</c:v>
                </c:pt>
                <c:pt idx="2160">
                  <c:v>21600</c:v>
                </c:pt>
                <c:pt idx="2161">
                  <c:v>21610</c:v>
                </c:pt>
                <c:pt idx="2162">
                  <c:v>21620</c:v>
                </c:pt>
                <c:pt idx="2163">
                  <c:v>21630</c:v>
                </c:pt>
                <c:pt idx="2164">
                  <c:v>21640</c:v>
                </c:pt>
                <c:pt idx="2165">
                  <c:v>21650</c:v>
                </c:pt>
                <c:pt idx="2166">
                  <c:v>21660</c:v>
                </c:pt>
                <c:pt idx="2167">
                  <c:v>21670</c:v>
                </c:pt>
                <c:pt idx="2168">
                  <c:v>21680</c:v>
                </c:pt>
                <c:pt idx="2169">
                  <c:v>21690</c:v>
                </c:pt>
                <c:pt idx="2170">
                  <c:v>21700</c:v>
                </c:pt>
                <c:pt idx="2171">
                  <c:v>21710</c:v>
                </c:pt>
                <c:pt idx="2172">
                  <c:v>21720</c:v>
                </c:pt>
                <c:pt idx="2173">
                  <c:v>21730</c:v>
                </c:pt>
                <c:pt idx="2174">
                  <c:v>21740</c:v>
                </c:pt>
                <c:pt idx="2175">
                  <c:v>21750</c:v>
                </c:pt>
                <c:pt idx="2176">
                  <c:v>21760</c:v>
                </c:pt>
                <c:pt idx="2177">
                  <c:v>21770</c:v>
                </c:pt>
                <c:pt idx="2178">
                  <c:v>21780</c:v>
                </c:pt>
                <c:pt idx="2179">
                  <c:v>21790</c:v>
                </c:pt>
                <c:pt idx="2180">
                  <c:v>21800</c:v>
                </c:pt>
                <c:pt idx="2181">
                  <c:v>21810</c:v>
                </c:pt>
                <c:pt idx="2182">
                  <c:v>21820</c:v>
                </c:pt>
                <c:pt idx="2183">
                  <c:v>21830</c:v>
                </c:pt>
                <c:pt idx="2184">
                  <c:v>21840</c:v>
                </c:pt>
                <c:pt idx="2185">
                  <c:v>21850</c:v>
                </c:pt>
                <c:pt idx="2186">
                  <c:v>21860</c:v>
                </c:pt>
                <c:pt idx="2187">
                  <c:v>21870</c:v>
                </c:pt>
                <c:pt idx="2188">
                  <c:v>21880</c:v>
                </c:pt>
                <c:pt idx="2189">
                  <c:v>21890</c:v>
                </c:pt>
                <c:pt idx="2190">
                  <c:v>21900</c:v>
                </c:pt>
                <c:pt idx="2191">
                  <c:v>21910</c:v>
                </c:pt>
                <c:pt idx="2192">
                  <c:v>21920</c:v>
                </c:pt>
                <c:pt idx="2193">
                  <c:v>21930</c:v>
                </c:pt>
                <c:pt idx="2194">
                  <c:v>21940</c:v>
                </c:pt>
                <c:pt idx="2195">
                  <c:v>21950</c:v>
                </c:pt>
                <c:pt idx="2196">
                  <c:v>21960</c:v>
                </c:pt>
                <c:pt idx="2197">
                  <c:v>21970</c:v>
                </c:pt>
                <c:pt idx="2198">
                  <c:v>21980</c:v>
                </c:pt>
                <c:pt idx="2199">
                  <c:v>21990</c:v>
                </c:pt>
                <c:pt idx="2200">
                  <c:v>22000</c:v>
                </c:pt>
                <c:pt idx="2201">
                  <c:v>22010</c:v>
                </c:pt>
                <c:pt idx="2202">
                  <c:v>22020</c:v>
                </c:pt>
                <c:pt idx="2203">
                  <c:v>22030</c:v>
                </c:pt>
                <c:pt idx="2204">
                  <c:v>22040</c:v>
                </c:pt>
                <c:pt idx="2205">
                  <c:v>22050</c:v>
                </c:pt>
                <c:pt idx="2206">
                  <c:v>22060</c:v>
                </c:pt>
                <c:pt idx="2207">
                  <c:v>22070</c:v>
                </c:pt>
                <c:pt idx="2208">
                  <c:v>22080</c:v>
                </c:pt>
                <c:pt idx="2209">
                  <c:v>22090</c:v>
                </c:pt>
                <c:pt idx="2210">
                  <c:v>22100</c:v>
                </c:pt>
                <c:pt idx="2211">
                  <c:v>22110</c:v>
                </c:pt>
                <c:pt idx="2212">
                  <c:v>22120</c:v>
                </c:pt>
                <c:pt idx="2213">
                  <c:v>22130</c:v>
                </c:pt>
                <c:pt idx="2214">
                  <c:v>22140</c:v>
                </c:pt>
                <c:pt idx="2215">
                  <c:v>22150</c:v>
                </c:pt>
                <c:pt idx="2216">
                  <c:v>22160</c:v>
                </c:pt>
                <c:pt idx="2217">
                  <c:v>22170</c:v>
                </c:pt>
                <c:pt idx="2218">
                  <c:v>22180</c:v>
                </c:pt>
                <c:pt idx="2219">
                  <c:v>22190</c:v>
                </c:pt>
                <c:pt idx="2220">
                  <c:v>22200</c:v>
                </c:pt>
                <c:pt idx="2221">
                  <c:v>22210</c:v>
                </c:pt>
                <c:pt idx="2222">
                  <c:v>22220</c:v>
                </c:pt>
                <c:pt idx="2223">
                  <c:v>22230</c:v>
                </c:pt>
                <c:pt idx="2224">
                  <c:v>22240</c:v>
                </c:pt>
                <c:pt idx="2225">
                  <c:v>22250</c:v>
                </c:pt>
                <c:pt idx="2226">
                  <c:v>22260</c:v>
                </c:pt>
                <c:pt idx="2227">
                  <c:v>22270</c:v>
                </c:pt>
                <c:pt idx="2228">
                  <c:v>22280</c:v>
                </c:pt>
                <c:pt idx="2229">
                  <c:v>22290</c:v>
                </c:pt>
                <c:pt idx="2230">
                  <c:v>22300</c:v>
                </c:pt>
                <c:pt idx="2231">
                  <c:v>22310</c:v>
                </c:pt>
                <c:pt idx="2232">
                  <c:v>22320</c:v>
                </c:pt>
                <c:pt idx="2233">
                  <c:v>22330</c:v>
                </c:pt>
                <c:pt idx="2234">
                  <c:v>22340</c:v>
                </c:pt>
                <c:pt idx="2235">
                  <c:v>22350</c:v>
                </c:pt>
                <c:pt idx="2236">
                  <c:v>22360</c:v>
                </c:pt>
                <c:pt idx="2237">
                  <c:v>22370</c:v>
                </c:pt>
                <c:pt idx="2238">
                  <c:v>22380</c:v>
                </c:pt>
                <c:pt idx="2239">
                  <c:v>22390</c:v>
                </c:pt>
                <c:pt idx="2240">
                  <c:v>22400</c:v>
                </c:pt>
                <c:pt idx="2241">
                  <c:v>22410</c:v>
                </c:pt>
                <c:pt idx="2242">
                  <c:v>22420</c:v>
                </c:pt>
                <c:pt idx="2243">
                  <c:v>22430</c:v>
                </c:pt>
                <c:pt idx="2244">
                  <c:v>22440</c:v>
                </c:pt>
                <c:pt idx="2245">
                  <c:v>22450</c:v>
                </c:pt>
                <c:pt idx="2246">
                  <c:v>22460</c:v>
                </c:pt>
                <c:pt idx="2247">
                  <c:v>22470</c:v>
                </c:pt>
                <c:pt idx="2248">
                  <c:v>22480</c:v>
                </c:pt>
                <c:pt idx="2249">
                  <c:v>22490</c:v>
                </c:pt>
                <c:pt idx="2250">
                  <c:v>22500</c:v>
                </c:pt>
                <c:pt idx="2251">
                  <c:v>22510</c:v>
                </c:pt>
                <c:pt idx="2252">
                  <c:v>22520</c:v>
                </c:pt>
                <c:pt idx="2253">
                  <c:v>22530</c:v>
                </c:pt>
                <c:pt idx="2254">
                  <c:v>22540</c:v>
                </c:pt>
                <c:pt idx="2255">
                  <c:v>22550</c:v>
                </c:pt>
                <c:pt idx="2256">
                  <c:v>22560</c:v>
                </c:pt>
                <c:pt idx="2257">
                  <c:v>22570</c:v>
                </c:pt>
                <c:pt idx="2258">
                  <c:v>22580</c:v>
                </c:pt>
                <c:pt idx="2259">
                  <c:v>22590</c:v>
                </c:pt>
                <c:pt idx="2260">
                  <c:v>22600</c:v>
                </c:pt>
                <c:pt idx="2261">
                  <c:v>22610</c:v>
                </c:pt>
                <c:pt idx="2262">
                  <c:v>22620</c:v>
                </c:pt>
                <c:pt idx="2263">
                  <c:v>22630</c:v>
                </c:pt>
                <c:pt idx="2264">
                  <c:v>22640</c:v>
                </c:pt>
                <c:pt idx="2265">
                  <c:v>22650</c:v>
                </c:pt>
                <c:pt idx="2266">
                  <c:v>22660</c:v>
                </c:pt>
                <c:pt idx="2267">
                  <c:v>22670</c:v>
                </c:pt>
                <c:pt idx="2268">
                  <c:v>22680</c:v>
                </c:pt>
                <c:pt idx="2269">
                  <c:v>22690</c:v>
                </c:pt>
                <c:pt idx="2270">
                  <c:v>22700</c:v>
                </c:pt>
                <c:pt idx="2271">
                  <c:v>22710</c:v>
                </c:pt>
                <c:pt idx="2272">
                  <c:v>22720</c:v>
                </c:pt>
                <c:pt idx="2273">
                  <c:v>22730</c:v>
                </c:pt>
                <c:pt idx="2274">
                  <c:v>22740</c:v>
                </c:pt>
                <c:pt idx="2275">
                  <c:v>22750</c:v>
                </c:pt>
                <c:pt idx="2276">
                  <c:v>22760</c:v>
                </c:pt>
                <c:pt idx="2277">
                  <c:v>22770</c:v>
                </c:pt>
                <c:pt idx="2278">
                  <c:v>22780</c:v>
                </c:pt>
                <c:pt idx="2279">
                  <c:v>22790</c:v>
                </c:pt>
                <c:pt idx="2280">
                  <c:v>22800</c:v>
                </c:pt>
                <c:pt idx="2281">
                  <c:v>22810</c:v>
                </c:pt>
                <c:pt idx="2282">
                  <c:v>22820</c:v>
                </c:pt>
                <c:pt idx="2283">
                  <c:v>22830</c:v>
                </c:pt>
                <c:pt idx="2284">
                  <c:v>22840</c:v>
                </c:pt>
                <c:pt idx="2285">
                  <c:v>22850</c:v>
                </c:pt>
                <c:pt idx="2286">
                  <c:v>22860</c:v>
                </c:pt>
                <c:pt idx="2287">
                  <c:v>22870</c:v>
                </c:pt>
                <c:pt idx="2288">
                  <c:v>22880</c:v>
                </c:pt>
                <c:pt idx="2289">
                  <c:v>22890</c:v>
                </c:pt>
                <c:pt idx="2290">
                  <c:v>22900</c:v>
                </c:pt>
                <c:pt idx="2291">
                  <c:v>22910</c:v>
                </c:pt>
                <c:pt idx="2292">
                  <c:v>22920</c:v>
                </c:pt>
                <c:pt idx="2293">
                  <c:v>22930</c:v>
                </c:pt>
                <c:pt idx="2294">
                  <c:v>22940</c:v>
                </c:pt>
                <c:pt idx="2295">
                  <c:v>22950</c:v>
                </c:pt>
                <c:pt idx="2296">
                  <c:v>22960</c:v>
                </c:pt>
                <c:pt idx="2297">
                  <c:v>22970</c:v>
                </c:pt>
                <c:pt idx="2298">
                  <c:v>22980</c:v>
                </c:pt>
                <c:pt idx="2299">
                  <c:v>22990</c:v>
                </c:pt>
                <c:pt idx="2300">
                  <c:v>23000</c:v>
                </c:pt>
                <c:pt idx="2301">
                  <c:v>23010</c:v>
                </c:pt>
                <c:pt idx="2302">
                  <c:v>23020</c:v>
                </c:pt>
                <c:pt idx="2303">
                  <c:v>23030</c:v>
                </c:pt>
                <c:pt idx="2304">
                  <c:v>23040</c:v>
                </c:pt>
                <c:pt idx="2305">
                  <c:v>23050</c:v>
                </c:pt>
                <c:pt idx="2306">
                  <c:v>23060</c:v>
                </c:pt>
                <c:pt idx="2307">
                  <c:v>23070</c:v>
                </c:pt>
                <c:pt idx="2308">
                  <c:v>23080</c:v>
                </c:pt>
                <c:pt idx="2309">
                  <c:v>23090</c:v>
                </c:pt>
                <c:pt idx="2310">
                  <c:v>23100</c:v>
                </c:pt>
                <c:pt idx="2311">
                  <c:v>23110</c:v>
                </c:pt>
                <c:pt idx="2312">
                  <c:v>23120</c:v>
                </c:pt>
                <c:pt idx="2313">
                  <c:v>23130</c:v>
                </c:pt>
                <c:pt idx="2314">
                  <c:v>23140</c:v>
                </c:pt>
                <c:pt idx="2315">
                  <c:v>23150</c:v>
                </c:pt>
                <c:pt idx="2316">
                  <c:v>23160</c:v>
                </c:pt>
                <c:pt idx="2317">
                  <c:v>23170</c:v>
                </c:pt>
                <c:pt idx="2318">
                  <c:v>23180</c:v>
                </c:pt>
                <c:pt idx="2319">
                  <c:v>23190</c:v>
                </c:pt>
                <c:pt idx="2320">
                  <c:v>23200</c:v>
                </c:pt>
                <c:pt idx="2321">
                  <c:v>23210</c:v>
                </c:pt>
                <c:pt idx="2322">
                  <c:v>23220</c:v>
                </c:pt>
                <c:pt idx="2323">
                  <c:v>23230</c:v>
                </c:pt>
                <c:pt idx="2324">
                  <c:v>23240</c:v>
                </c:pt>
                <c:pt idx="2325">
                  <c:v>23250</c:v>
                </c:pt>
                <c:pt idx="2326">
                  <c:v>23260</c:v>
                </c:pt>
                <c:pt idx="2327">
                  <c:v>23270</c:v>
                </c:pt>
                <c:pt idx="2328">
                  <c:v>23280</c:v>
                </c:pt>
                <c:pt idx="2329">
                  <c:v>23290</c:v>
                </c:pt>
                <c:pt idx="2330">
                  <c:v>23300</c:v>
                </c:pt>
                <c:pt idx="2331">
                  <c:v>23310</c:v>
                </c:pt>
                <c:pt idx="2332">
                  <c:v>23320</c:v>
                </c:pt>
                <c:pt idx="2333">
                  <c:v>23330</c:v>
                </c:pt>
                <c:pt idx="2334">
                  <c:v>23340</c:v>
                </c:pt>
                <c:pt idx="2335">
                  <c:v>23350</c:v>
                </c:pt>
                <c:pt idx="2336">
                  <c:v>23360</c:v>
                </c:pt>
                <c:pt idx="2337">
                  <c:v>23370</c:v>
                </c:pt>
                <c:pt idx="2338">
                  <c:v>23380</c:v>
                </c:pt>
                <c:pt idx="2339">
                  <c:v>23390</c:v>
                </c:pt>
                <c:pt idx="2340">
                  <c:v>23400</c:v>
                </c:pt>
                <c:pt idx="2341">
                  <c:v>23410</c:v>
                </c:pt>
                <c:pt idx="2342">
                  <c:v>23420</c:v>
                </c:pt>
                <c:pt idx="2343">
                  <c:v>23430</c:v>
                </c:pt>
                <c:pt idx="2344">
                  <c:v>23440</c:v>
                </c:pt>
                <c:pt idx="2345">
                  <c:v>23450</c:v>
                </c:pt>
                <c:pt idx="2346">
                  <c:v>23460</c:v>
                </c:pt>
                <c:pt idx="2347">
                  <c:v>23470</c:v>
                </c:pt>
                <c:pt idx="2348">
                  <c:v>23480</c:v>
                </c:pt>
                <c:pt idx="2349">
                  <c:v>23490</c:v>
                </c:pt>
                <c:pt idx="2350">
                  <c:v>23500</c:v>
                </c:pt>
                <c:pt idx="2351">
                  <c:v>23510</c:v>
                </c:pt>
                <c:pt idx="2352">
                  <c:v>23520</c:v>
                </c:pt>
                <c:pt idx="2353">
                  <c:v>23530</c:v>
                </c:pt>
                <c:pt idx="2354">
                  <c:v>23540</c:v>
                </c:pt>
                <c:pt idx="2355">
                  <c:v>23550</c:v>
                </c:pt>
                <c:pt idx="2356">
                  <c:v>23560</c:v>
                </c:pt>
                <c:pt idx="2357">
                  <c:v>23570</c:v>
                </c:pt>
                <c:pt idx="2358">
                  <c:v>23580</c:v>
                </c:pt>
                <c:pt idx="2359">
                  <c:v>23590</c:v>
                </c:pt>
                <c:pt idx="2360">
                  <c:v>23600</c:v>
                </c:pt>
                <c:pt idx="2361">
                  <c:v>23610</c:v>
                </c:pt>
                <c:pt idx="2362">
                  <c:v>23620</c:v>
                </c:pt>
                <c:pt idx="2363">
                  <c:v>23630</c:v>
                </c:pt>
                <c:pt idx="2364">
                  <c:v>23640</c:v>
                </c:pt>
                <c:pt idx="2365">
                  <c:v>23650</c:v>
                </c:pt>
                <c:pt idx="2366">
                  <c:v>23660</c:v>
                </c:pt>
                <c:pt idx="2367">
                  <c:v>23670</c:v>
                </c:pt>
                <c:pt idx="2368">
                  <c:v>23680</c:v>
                </c:pt>
                <c:pt idx="2369">
                  <c:v>23690</c:v>
                </c:pt>
                <c:pt idx="2370">
                  <c:v>23700</c:v>
                </c:pt>
                <c:pt idx="2371">
                  <c:v>23710</c:v>
                </c:pt>
                <c:pt idx="2372">
                  <c:v>23720</c:v>
                </c:pt>
                <c:pt idx="2373">
                  <c:v>23730</c:v>
                </c:pt>
                <c:pt idx="2374">
                  <c:v>23740</c:v>
                </c:pt>
                <c:pt idx="2375">
                  <c:v>23750</c:v>
                </c:pt>
                <c:pt idx="2376">
                  <c:v>23760</c:v>
                </c:pt>
                <c:pt idx="2377">
                  <c:v>23770</c:v>
                </c:pt>
                <c:pt idx="2378">
                  <c:v>23780</c:v>
                </c:pt>
                <c:pt idx="2379">
                  <c:v>23790</c:v>
                </c:pt>
                <c:pt idx="2380">
                  <c:v>23800</c:v>
                </c:pt>
                <c:pt idx="2381">
                  <c:v>23810</c:v>
                </c:pt>
                <c:pt idx="2382">
                  <c:v>23820</c:v>
                </c:pt>
                <c:pt idx="2383">
                  <c:v>23830</c:v>
                </c:pt>
                <c:pt idx="2384">
                  <c:v>23840</c:v>
                </c:pt>
                <c:pt idx="2385">
                  <c:v>23850</c:v>
                </c:pt>
                <c:pt idx="2386">
                  <c:v>23860</c:v>
                </c:pt>
                <c:pt idx="2387">
                  <c:v>23870</c:v>
                </c:pt>
                <c:pt idx="2388">
                  <c:v>23880</c:v>
                </c:pt>
                <c:pt idx="2389">
                  <c:v>23890</c:v>
                </c:pt>
                <c:pt idx="2390">
                  <c:v>23900</c:v>
                </c:pt>
                <c:pt idx="2391">
                  <c:v>23910</c:v>
                </c:pt>
                <c:pt idx="2392">
                  <c:v>23920</c:v>
                </c:pt>
                <c:pt idx="2393">
                  <c:v>23930</c:v>
                </c:pt>
                <c:pt idx="2394">
                  <c:v>23940</c:v>
                </c:pt>
                <c:pt idx="2395">
                  <c:v>23950</c:v>
                </c:pt>
                <c:pt idx="2396">
                  <c:v>23960</c:v>
                </c:pt>
                <c:pt idx="2397">
                  <c:v>23970</c:v>
                </c:pt>
                <c:pt idx="2398">
                  <c:v>23980</c:v>
                </c:pt>
                <c:pt idx="2399">
                  <c:v>23990</c:v>
                </c:pt>
                <c:pt idx="2400">
                  <c:v>24000</c:v>
                </c:pt>
                <c:pt idx="2401">
                  <c:v>24010</c:v>
                </c:pt>
                <c:pt idx="2402">
                  <c:v>24020</c:v>
                </c:pt>
                <c:pt idx="2403">
                  <c:v>24030</c:v>
                </c:pt>
                <c:pt idx="2404">
                  <c:v>24040</c:v>
                </c:pt>
                <c:pt idx="2405">
                  <c:v>24050</c:v>
                </c:pt>
                <c:pt idx="2406">
                  <c:v>24060</c:v>
                </c:pt>
                <c:pt idx="2407">
                  <c:v>24070</c:v>
                </c:pt>
                <c:pt idx="2408">
                  <c:v>24080</c:v>
                </c:pt>
                <c:pt idx="2409">
                  <c:v>24090</c:v>
                </c:pt>
                <c:pt idx="2410">
                  <c:v>24100</c:v>
                </c:pt>
                <c:pt idx="2411">
                  <c:v>24110</c:v>
                </c:pt>
                <c:pt idx="2412">
                  <c:v>24120</c:v>
                </c:pt>
                <c:pt idx="2413">
                  <c:v>24130</c:v>
                </c:pt>
                <c:pt idx="2414">
                  <c:v>24140</c:v>
                </c:pt>
                <c:pt idx="2415">
                  <c:v>24150</c:v>
                </c:pt>
                <c:pt idx="2416">
                  <c:v>24160</c:v>
                </c:pt>
                <c:pt idx="2417">
                  <c:v>24170</c:v>
                </c:pt>
                <c:pt idx="2418">
                  <c:v>24180</c:v>
                </c:pt>
                <c:pt idx="2419">
                  <c:v>24190</c:v>
                </c:pt>
                <c:pt idx="2420">
                  <c:v>24200</c:v>
                </c:pt>
                <c:pt idx="2421">
                  <c:v>24210</c:v>
                </c:pt>
                <c:pt idx="2422">
                  <c:v>24220</c:v>
                </c:pt>
                <c:pt idx="2423">
                  <c:v>24230</c:v>
                </c:pt>
                <c:pt idx="2424">
                  <c:v>24240</c:v>
                </c:pt>
                <c:pt idx="2425">
                  <c:v>24250</c:v>
                </c:pt>
                <c:pt idx="2426">
                  <c:v>24260</c:v>
                </c:pt>
                <c:pt idx="2427">
                  <c:v>24270</c:v>
                </c:pt>
                <c:pt idx="2428">
                  <c:v>24280</c:v>
                </c:pt>
                <c:pt idx="2429">
                  <c:v>24290</c:v>
                </c:pt>
                <c:pt idx="2430">
                  <c:v>24300</c:v>
                </c:pt>
                <c:pt idx="2431">
                  <c:v>24310</c:v>
                </c:pt>
                <c:pt idx="2432">
                  <c:v>24320</c:v>
                </c:pt>
                <c:pt idx="2433">
                  <c:v>24330</c:v>
                </c:pt>
                <c:pt idx="2434">
                  <c:v>24340</c:v>
                </c:pt>
                <c:pt idx="2435">
                  <c:v>24350</c:v>
                </c:pt>
                <c:pt idx="2436">
                  <c:v>24360</c:v>
                </c:pt>
                <c:pt idx="2437">
                  <c:v>24370</c:v>
                </c:pt>
                <c:pt idx="2438">
                  <c:v>24380</c:v>
                </c:pt>
                <c:pt idx="2439">
                  <c:v>24390</c:v>
                </c:pt>
                <c:pt idx="2440">
                  <c:v>24400</c:v>
                </c:pt>
                <c:pt idx="2441">
                  <c:v>24410</c:v>
                </c:pt>
                <c:pt idx="2442">
                  <c:v>24420</c:v>
                </c:pt>
                <c:pt idx="2443">
                  <c:v>24430</c:v>
                </c:pt>
                <c:pt idx="2444">
                  <c:v>24440</c:v>
                </c:pt>
                <c:pt idx="2445">
                  <c:v>24450</c:v>
                </c:pt>
                <c:pt idx="2446">
                  <c:v>24460</c:v>
                </c:pt>
                <c:pt idx="2447">
                  <c:v>24470</c:v>
                </c:pt>
                <c:pt idx="2448">
                  <c:v>24480</c:v>
                </c:pt>
                <c:pt idx="2449">
                  <c:v>24490</c:v>
                </c:pt>
                <c:pt idx="2450">
                  <c:v>24500</c:v>
                </c:pt>
                <c:pt idx="2451">
                  <c:v>24510</c:v>
                </c:pt>
                <c:pt idx="2452">
                  <c:v>24520</c:v>
                </c:pt>
                <c:pt idx="2453">
                  <c:v>24530</c:v>
                </c:pt>
                <c:pt idx="2454">
                  <c:v>24540</c:v>
                </c:pt>
                <c:pt idx="2455">
                  <c:v>24550</c:v>
                </c:pt>
                <c:pt idx="2456">
                  <c:v>24560</c:v>
                </c:pt>
                <c:pt idx="2457">
                  <c:v>24570</c:v>
                </c:pt>
                <c:pt idx="2458">
                  <c:v>24580</c:v>
                </c:pt>
                <c:pt idx="2459">
                  <c:v>24590</c:v>
                </c:pt>
                <c:pt idx="2460">
                  <c:v>24600</c:v>
                </c:pt>
                <c:pt idx="2461">
                  <c:v>24610</c:v>
                </c:pt>
                <c:pt idx="2462">
                  <c:v>24620</c:v>
                </c:pt>
                <c:pt idx="2463">
                  <c:v>24630</c:v>
                </c:pt>
                <c:pt idx="2464">
                  <c:v>24640</c:v>
                </c:pt>
                <c:pt idx="2465">
                  <c:v>24650</c:v>
                </c:pt>
                <c:pt idx="2466">
                  <c:v>24660</c:v>
                </c:pt>
                <c:pt idx="2467">
                  <c:v>24670</c:v>
                </c:pt>
                <c:pt idx="2468">
                  <c:v>24680</c:v>
                </c:pt>
                <c:pt idx="2469">
                  <c:v>24690</c:v>
                </c:pt>
                <c:pt idx="2470">
                  <c:v>24700</c:v>
                </c:pt>
                <c:pt idx="2471">
                  <c:v>24710</c:v>
                </c:pt>
                <c:pt idx="2472">
                  <c:v>24720</c:v>
                </c:pt>
                <c:pt idx="2473">
                  <c:v>24730</c:v>
                </c:pt>
                <c:pt idx="2474">
                  <c:v>24740</c:v>
                </c:pt>
                <c:pt idx="2475">
                  <c:v>24750</c:v>
                </c:pt>
                <c:pt idx="2476">
                  <c:v>24760</c:v>
                </c:pt>
                <c:pt idx="2477">
                  <c:v>24770</c:v>
                </c:pt>
                <c:pt idx="2478">
                  <c:v>24780</c:v>
                </c:pt>
                <c:pt idx="2479">
                  <c:v>24790</c:v>
                </c:pt>
                <c:pt idx="2480">
                  <c:v>24800</c:v>
                </c:pt>
                <c:pt idx="2481">
                  <c:v>24810</c:v>
                </c:pt>
                <c:pt idx="2482">
                  <c:v>24820</c:v>
                </c:pt>
                <c:pt idx="2483">
                  <c:v>24830</c:v>
                </c:pt>
                <c:pt idx="2484">
                  <c:v>24840</c:v>
                </c:pt>
                <c:pt idx="2485">
                  <c:v>24850</c:v>
                </c:pt>
                <c:pt idx="2486">
                  <c:v>24860</c:v>
                </c:pt>
                <c:pt idx="2487">
                  <c:v>24870</c:v>
                </c:pt>
                <c:pt idx="2488">
                  <c:v>24880</c:v>
                </c:pt>
                <c:pt idx="2489">
                  <c:v>24890</c:v>
                </c:pt>
                <c:pt idx="2490">
                  <c:v>24900</c:v>
                </c:pt>
                <c:pt idx="2491">
                  <c:v>24910</c:v>
                </c:pt>
                <c:pt idx="2492">
                  <c:v>24920</c:v>
                </c:pt>
                <c:pt idx="2493">
                  <c:v>24930</c:v>
                </c:pt>
                <c:pt idx="2494">
                  <c:v>24940</c:v>
                </c:pt>
                <c:pt idx="2495">
                  <c:v>24950</c:v>
                </c:pt>
                <c:pt idx="2496">
                  <c:v>24960</c:v>
                </c:pt>
                <c:pt idx="2497">
                  <c:v>24970</c:v>
                </c:pt>
                <c:pt idx="2498">
                  <c:v>24980</c:v>
                </c:pt>
                <c:pt idx="2499">
                  <c:v>24990</c:v>
                </c:pt>
                <c:pt idx="2500">
                  <c:v>25000</c:v>
                </c:pt>
                <c:pt idx="2501">
                  <c:v>25010</c:v>
                </c:pt>
                <c:pt idx="2502">
                  <c:v>25020</c:v>
                </c:pt>
                <c:pt idx="2503">
                  <c:v>25030</c:v>
                </c:pt>
                <c:pt idx="2504">
                  <c:v>25040</c:v>
                </c:pt>
                <c:pt idx="2505">
                  <c:v>25050</c:v>
                </c:pt>
                <c:pt idx="2506">
                  <c:v>25060</c:v>
                </c:pt>
                <c:pt idx="2507">
                  <c:v>25070</c:v>
                </c:pt>
                <c:pt idx="2508">
                  <c:v>25080</c:v>
                </c:pt>
                <c:pt idx="2509">
                  <c:v>25090</c:v>
                </c:pt>
                <c:pt idx="2510">
                  <c:v>25100</c:v>
                </c:pt>
                <c:pt idx="2511">
                  <c:v>25110</c:v>
                </c:pt>
                <c:pt idx="2512">
                  <c:v>25120</c:v>
                </c:pt>
                <c:pt idx="2513">
                  <c:v>25130</c:v>
                </c:pt>
                <c:pt idx="2514">
                  <c:v>25140</c:v>
                </c:pt>
                <c:pt idx="2515">
                  <c:v>25150</c:v>
                </c:pt>
                <c:pt idx="2516">
                  <c:v>25160</c:v>
                </c:pt>
                <c:pt idx="2517">
                  <c:v>25170</c:v>
                </c:pt>
                <c:pt idx="2518">
                  <c:v>25180</c:v>
                </c:pt>
                <c:pt idx="2519">
                  <c:v>25190</c:v>
                </c:pt>
                <c:pt idx="2520">
                  <c:v>25200</c:v>
                </c:pt>
                <c:pt idx="2521">
                  <c:v>25210</c:v>
                </c:pt>
                <c:pt idx="2522">
                  <c:v>25220</c:v>
                </c:pt>
                <c:pt idx="2523">
                  <c:v>25230</c:v>
                </c:pt>
                <c:pt idx="2524">
                  <c:v>25240</c:v>
                </c:pt>
                <c:pt idx="2525">
                  <c:v>25250</c:v>
                </c:pt>
                <c:pt idx="2526">
                  <c:v>25260</c:v>
                </c:pt>
                <c:pt idx="2527">
                  <c:v>25270</c:v>
                </c:pt>
                <c:pt idx="2528">
                  <c:v>25280</c:v>
                </c:pt>
                <c:pt idx="2529">
                  <c:v>25290</c:v>
                </c:pt>
                <c:pt idx="2530">
                  <c:v>25300</c:v>
                </c:pt>
                <c:pt idx="2531">
                  <c:v>25310</c:v>
                </c:pt>
                <c:pt idx="2532">
                  <c:v>25320</c:v>
                </c:pt>
                <c:pt idx="2533">
                  <c:v>25330</c:v>
                </c:pt>
                <c:pt idx="2534">
                  <c:v>25340</c:v>
                </c:pt>
                <c:pt idx="2535">
                  <c:v>25350</c:v>
                </c:pt>
                <c:pt idx="2536">
                  <c:v>25360</c:v>
                </c:pt>
                <c:pt idx="2537">
                  <c:v>25370</c:v>
                </c:pt>
                <c:pt idx="2538">
                  <c:v>25380</c:v>
                </c:pt>
                <c:pt idx="2539">
                  <c:v>25390</c:v>
                </c:pt>
                <c:pt idx="2540">
                  <c:v>25400</c:v>
                </c:pt>
                <c:pt idx="2541">
                  <c:v>25410</c:v>
                </c:pt>
                <c:pt idx="2542">
                  <c:v>25420</c:v>
                </c:pt>
                <c:pt idx="2543">
                  <c:v>25430</c:v>
                </c:pt>
                <c:pt idx="2544">
                  <c:v>25440</c:v>
                </c:pt>
                <c:pt idx="2545">
                  <c:v>25450</c:v>
                </c:pt>
                <c:pt idx="2546">
                  <c:v>25460</c:v>
                </c:pt>
                <c:pt idx="2547">
                  <c:v>25470</c:v>
                </c:pt>
                <c:pt idx="2548">
                  <c:v>25480</c:v>
                </c:pt>
                <c:pt idx="2549">
                  <c:v>25490</c:v>
                </c:pt>
                <c:pt idx="2550">
                  <c:v>25500</c:v>
                </c:pt>
                <c:pt idx="2551">
                  <c:v>25510</c:v>
                </c:pt>
                <c:pt idx="2552">
                  <c:v>25520</c:v>
                </c:pt>
                <c:pt idx="2553">
                  <c:v>25530</c:v>
                </c:pt>
                <c:pt idx="2554">
                  <c:v>25540</c:v>
                </c:pt>
                <c:pt idx="2555">
                  <c:v>25550</c:v>
                </c:pt>
                <c:pt idx="2556">
                  <c:v>25560</c:v>
                </c:pt>
                <c:pt idx="2557">
                  <c:v>25570</c:v>
                </c:pt>
                <c:pt idx="2558">
                  <c:v>25580</c:v>
                </c:pt>
                <c:pt idx="2559">
                  <c:v>25590</c:v>
                </c:pt>
                <c:pt idx="2560">
                  <c:v>25600</c:v>
                </c:pt>
                <c:pt idx="2561">
                  <c:v>25610</c:v>
                </c:pt>
                <c:pt idx="2562">
                  <c:v>25620</c:v>
                </c:pt>
                <c:pt idx="2563">
                  <c:v>25630</c:v>
                </c:pt>
                <c:pt idx="2564">
                  <c:v>25640</c:v>
                </c:pt>
                <c:pt idx="2565">
                  <c:v>25650</c:v>
                </c:pt>
                <c:pt idx="2566">
                  <c:v>25660</c:v>
                </c:pt>
                <c:pt idx="2567">
                  <c:v>25670</c:v>
                </c:pt>
                <c:pt idx="2568">
                  <c:v>25680</c:v>
                </c:pt>
                <c:pt idx="2569">
                  <c:v>25690</c:v>
                </c:pt>
                <c:pt idx="2570">
                  <c:v>25700</c:v>
                </c:pt>
                <c:pt idx="2571">
                  <c:v>25710</c:v>
                </c:pt>
                <c:pt idx="2572">
                  <c:v>25720</c:v>
                </c:pt>
                <c:pt idx="2573">
                  <c:v>25730</c:v>
                </c:pt>
                <c:pt idx="2574">
                  <c:v>25740</c:v>
                </c:pt>
                <c:pt idx="2575">
                  <c:v>25750</c:v>
                </c:pt>
                <c:pt idx="2576">
                  <c:v>25760</c:v>
                </c:pt>
                <c:pt idx="2577">
                  <c:v>25770</c:v>
                </c:pt>
                <c:pt idx="2578">
                  <c:v>25780</c:v>
                </c:pt>
                <c:pt idx="2579">
                  <c:v>25790</c:v>
                </c:pt>
                <c:pt idx="2580">
                  <c:v>25800</c:v>
                </c:pt>
                <c:pt idx="2581">
                  <c:v>25810</c:v>
                </c:pt>
                <c:pt idx="2582">
                  <c:v>25820</c:v>
                </c:pt>
                <c:pt idx="2583">
                  <c:v>25830</c:v>
                </c:pt>
                <c:pt idx="2584">
                  <c:v>25840</c:v>
                </c:pt>
                <c:pt idx="2585">
                  <c:v>25850</c:v>
                </c:pt>
                <c:pt idx="2586">
                  <c:v>25860</c:v>
                </c:pt>
                <c:pt idx="2587">
                  <c:v>25870</c:v>
                </c:pt>
                <c:pt idx="2588">
                  <c:v>25880</c:v>
                </c:pt>
                <c:pt idx="2589">
                  <c:v>25890</c:v>
                </c:pt>
                <c:pt idx="2590">
                  <c:v>25900</c:v>
                </c:pt>
                <c:pt idx="2591">
                  <c:v>25910</c:v>
                </c:pt>
                <c:pt idx="2592">
                  <c:v>25920</c:v>
                </c:pt>
                <c:pt idx="2593">
                  <c:v>25930</c:v>
                </c:pt>
                <c:pt idx="2594">
                  <c:v>25940</c:v>
                </c:pt>
                <c:pt idx="2595">
                  <c:v>25950</c:v>
                </c:pt>
                <c:pt idx="2596">
                  <c:v>25960</c:v>
                </c:pt>
                <c:pt idx="2597">
                  <c:v>25970</c:v>
                </c:pt>
                <c:pt idx="2598">
                  <c:v>25980</c:v>
                </c:pt>
                <c:pt idx="2599">
                  <c:v>25990</c:v>
                </c:pt>
                <c:pt idx="2600">
                  <c:v>26000</c:v>
                </c:pt>
                <c:pt idx="2601">
                  <c:v>26010</c:v>
                </c:pt>
                <c:pt idx="2602">
                  <c:v>26020</c:v>
                </c:pt>
                <c:pt idx="2603">
                  <c:v>26030</c:v>
                </c:pt>
                <c:pt idx="2604">
                  <c:v>26040</c:v>
                </c:pt>
                <c:pt idx="2605">
                  <c:v>26050</c:v>
                </c:pt>
                <c:pt idx="2606">
                  <c:v>26060</c:v>
                </c:pt>
                <c:pt idx="2607">
                  <c:v>26070</c:v>
                </c:pt>
                <c:pt idx="2608">
                  <c:v>26080</c:v>
                </c:pt>
                <c:pt idx="2609">
                  <c:v>26090</c:v>
                </c:pt>
                <c:pt idx="2610">
                  <c:v>26100</c:v>
                </c:pt>
                <c:pt idx="2611">
                  <c:v>26110</c:v>
                </c:pt>
                <c:pt idx="2612">
                  <c:v>26120</c:v>
                </c:pt>
                <c:pt idx="2613">
                  <c:v>26130</c:v>
                </c:pt>
                <c:pt idx="2614">
                  <c:v>26140</c:v>
                </c:pt>
                <c:pt idx="2615">
                  <c:v>26150</c:v>
                </c:pt>
                <c:pt idx="2616">
                  <c:v>26160</c:v>
                </c:pt>
                <c:pt idx="2617">
                  <c:v>26170</c:v>
                </c:pt>
                <c:pt idx="2618">
                  <c:v>26180</c:v>
                </c:pt>
                <c:pt idx="2619">
                  <c:v>26190</c:v>
                </c:pt>
                <c:pt idx="2620">
                  <c:v>26200</c:v>
                </c:pt>
                <c:pt idx="2621">
                  <c:v>26210</c:v>
                </c:pt>
                <c:pt idx="2622">
                  <c:v>26220</c:v>
                </c:pt>
                <c:pt idx="2623">
                  <c:v>26230</c:v>
                </c:pt>
                <c:pt idx="2624">
                  <c:v>26240</c:v>
                </c:pt>
                <c:pt idx="2625">
                  <c:v>26250</c:v>
                </c:pt>
                <c:pt idx="2626">
                  <c:v>26260</c:v>
                </c:pt>
                <c:pt idx="2627">
                  <c:v>26270</c:v>
                </c:pt>
                <c:pt idx="2628">
                  <c:v>26280</c:v>
                </c:pt>
                <c:pt idx="2629">
                  <c:v>26290</c:v>
                </c:pt>
                <c:pt idx="2630">
                  <c:v>26300</c:v>
                </c:pt>
                <c:pt idx="2631">
                  <c:v>26310</c:v>
                </c:pt>
                <c:pt idx="2632">
                  <c:v>26320</c:v>
                </c:pt>
                <c:pt idx="2633">
                  <c:v>26330</c:v>
                </c:pt>
                <c:pt idx="2634">
                  <c:v>26340</c:v>
                </c:pt>
                <c:pt idx="2635">
                  <c:v>26350</c:v>
                </c:pt>
                <c:pt idx="2636">
                  <c:v>26360</c:v>
                </c:pt>
                <c:pt idx="2637">
                  <c:v>26370</c:v>
                </c:pt>
                <c:pt idx="2638">
                  <c:v>26380</c:v>
                </c:pt>
                <c:pt idx="2639">
                  <c:v>26390</c:v>
                </c:pt>
                <c:pt idx="2640">
                  <c:v>26400</c:v>
                </c:pt>
                <c:pt idx="2641">
                  <c:v>26410</c:v>
                </c:pt>
                <c:pt idx="2642">
                  <c:v>26420</c:v>
                </c:pt>
                <c:pt idx="2643">
                  <c:v>26430</c:v>
                </c:pt>
                <c:pt idx="2644">
                  <c:v>26440</c:v>
                </c:pt>
                <c:pt idx="2645">
                  <c:v>26450</c:v>
                </c:pt>
                <c:pt idx="2646">
                  <c:v>26460</c:v>
                </c:pt>
                <c:pt idx="2647">
                  <c:v>26470</c:v>
                </c:pt>
                <c:pt idx="2648">
                  <c:v>26480</c:v>
                </c:pt>
                <c:pt idx="2649">
                  <c:v>26490</c:v>
                </c:pt>
                <c:pt idx="2650">
                  <c:v>26500</c:v>
                </c:pt>
                <c:pt idx="2651">
                  <c:v>26510</c:v>
                </c:pt>
                <c:pt idx="2652">
                  <c:v>26520</c:v>
                </c:pt>
                <c:pt idx="2653">
                  <c:v>26530</c:v>
                </c:pt>
                <c:pt idx="2654">
                  <c:v>26540</c:v>
                </c:pt>
                <c:pt idx="2655">
                  <c:v>26550</c:v>
                </c:pt>
                <c:pt idx="2656">
                  <c:v>26560</c:v>
                </c:pt>
                <c:pt idx="2657">
                  <c:v>26570</c:v>
                </c:pt>
                <c:pt idx="2658">
                  <c:v>26580</c:v>
                </c:pt>
                <c:pt idx="2659">
                  <c:v>26590</c:v>
                </c:pt>
                <c:pt idx="2660">
                  <c:v>26600</c:v>
                </c:pt>
                <c:pt idx="2661">
                  <c:v>26610</c:v>
                </c:pt>
                <c:pt idx="2662">
                  <c:v>26620</c:v>
                </c:pt>
                <c:pt idx="2663">
                  <c:v>26630</c:v>
                </c:pt>
                <c:pt idx="2664">
                  <c:v>26640</c:v>
                </c:pt>
                <c:pt idx="2665">
                  <c:v>26650</c:v>
                </c:pt>
                <c:pt idx="2666">
                  <c:v>26660</c:v>
                </c:pt>
                <c:pt idx="2667">
                  <c:v>26670</c:v>
                </c:pt>
                <c:pt idx="2668">
                  <c:v>26680</c:v>
                </c:pt>
                <c:pt idx="2669">
                  <c:v>26690</c:v>
                </c:pt>
                <c:pt idx="2670">
                  <c:v>26700</c:v>
                </c:pt>
                <c:pt idx="2671">
                  <c:v>26710</c:v>
                </c:pt>
                <c:pt idx="2672">
                  <c:v>26720</c:v>
                </c:pt>
                <c:pt idx="2673">
                  <c:v>26730</c:v>
                </c:pt>
                <c:pt idx="2674">
                  <c:v>26740</c:v>
                </c:pt>
                <c:pt idx="2675">
                  <c:v>26750</c:v>
                </c:pt>
                <c:pt idx="2676">
                  <c:v>26760</c:v>
                </c:pt>
                <c:pt idx="2677">
                  <c:v>26770</c:v>
                </c:pt>
                <c:pt idx="2678">
                  <c:v>26780</c:v>
                </c:pt>
                <c:pt idx="2679">
                  <c:v>26790</c:v>
                </c:pt>
                <c:pt idx="2680">
                  <c:v>26800</c:v>
                </c:pt>
                <c:pt idx="2681">
                  <c:v>26810</c:v>
                </c:pt>
                <c:pt idx="2682">
                  <c:v>26820</c:v>
                </c:pt>
                <c:pt idx="2683">
                  <c:v>26830</c:v>
                </c:pt>
                <c:pt idx="2684">
                  <c:v>26840</c:v>
                </c:pt>
                <c:pt idx="2685">
                  <c:v>26850</c:v>
                </c:pt>
                <c:pt idx="2686">
                  <c:v>26860</c:v>
                </c:pt>
                <c:pt idx="2687">
                  <c:v>26870</c:v>
                </c:pt>
                <c:pt idx="2688">
                  <c:v>26880</c:v>
                </c:pt>
                <c:pt idx="2689">
                  <c:v>26890</c:v>
                </c:pt>
                <c:pt idx="2690">
                  <c:v>26900</c:v>
                </c:pt>
                <c:pt idx="2691">
                  <c:v>26910</c:v>
                </c:pt>
                <c:pt idx="2692">
                  <c:v>26920</c:v>
                </c:pt>
                <c:pt idx="2693">
                  <c:v>26930</c:v>
                </c:pt>
                <c:pt idx="2694">
                  <c:v>26940</c:v>
                </c:pt>
                <c:pt idx="2695">
                  <c:v>26950</c:v>
                </c:pt>
                <c:pt idx="2696">
                  <c:v>26960</c:v>
                </c:pt>
                <c:pt idx="2697">
                  <c:v>26970</c:v>
                </c:pt>
                <c:pt idx="2698">
                  <c:v>26980</c:v>
                </c:pt>
                <c:pt idx="2699">
                  <c:v>26990</c:v>
                </c:pt>
                <c:pt idx="2700">
                  <c:v>27000</c:v>
                </c:pt>
                <c:pt idx="2701">
                  <c:v>27010</c:v>
                </c:pt>
                <c:pt idx="2702">
                  <c:v>27020</c:v>
                </c:pt>
                <c:pt idx="2703">
                  <c:v>27030</c:v>
                </c:pt>
                <c:pt idx="2704">
                  <c:v>27040</c:v>
                </c:pt>
                <c:pt idx="2705">
                  <c:v>27050</c:v>
                </c:pt>
                <c:pt idx="2706">
                  <c:v>27060</c:v>
                </c:pt>
                <c:pt idx="2707">
                  <c:v>27070</c:v>
                </c:pt>
                <c:pt idx="2708">
                  <c:v>27080</c:v>
                </c:pt>
                <c:pt idx="2709">
                  <c:v>27090</c:v>
                </c:pt>
                <c:pt idx="2710">
                  <c:v>27100</c:v>
                </c:pt>
                <c:pt idx="2711">
                  <c:v>27110</c:v>
                </c:pt>
                <c:pt idx="2712">
                  <c:v>27120</c:v>
                </c:pt>
                <c:pt idx="2713">
                  <c:v>27130</c:v>
                </c:pt>
                <c:pt idx="2714">
                  <c:v>27140</c:v>
                </c:pt>
                <c:pt idx="2715">
                  <c:v>27150</c:v>
                </c:pt>
                <c:pt idx="2716">
                  <c:v>27160</c:v>
                </c:pt>
                <c:pt idx="2717">
                  <c:v>27170</c:v>
                </c:pt>
                <c:pt idx="2718">
                  <c:v>27180</c:v>
                </c:pt>
                <c:pt idx="2719">
                  <c:v>27190</c:v>
                </c:pt>
                <c:pt idx="2720">
                  <c:v>27200</c:v>
                </c:pt>
                <c:pt idx="2721">
                  <c:v>27210</c:v>
                </c:pt>
                <c:pt idx="2722">
                  <c:v>27220</c:v>
                </c:pt>
                <c:pt idx="2723">
                  <c:v>27230</c:v>
                </c:pt>
                <c:pt idx="2724">
                  <c:v>27240</c:v>
                </c:pt>
                <c:pt idx="2725">
                  <c:v>27250</c:v>
                </c:pt>
                <c:pt idx="2726">
                  <c:v>27260</c:v>
                </c:pt>
                <c:pt idx="2727">
                  <c:v>27270</c:v>
                </c:pt>
                <c:pt idx="2728">
                  <c:v>27280</c:v>
                </c:pt>
                <c:pt idx="2729">
                  <c:v>27290</c:v>
                </c:pt>
                <c:pt idx="2730">
                  <c:v>27300</c:v>
                </c:pt>
                <c:pt idx="2731">
                  <c:v>27310</c:v>
                </c:pt>
                <c:pt idx="2732">
                  <c:v>27320</c:v>
                </c:pt>
                <c:pt idx="2733">
                  <c:v>27330</c:v>
                </c:pt>
                <c:pt idx="2734">
                  <c:v>27340</c:v>
                </c:pt>
                <c:pt idx="2735">
                  <c:v>27350</c:v>
                </c:pt>
                <c:pt idx="2736">
                  <c:v>27360</c:v>
                </c:pt>
                <c:pt idx="2737">
                  <c:v>27370</c:v>
                </c:pt>
                <c:pt idx="2738">
                  <c:v>27380</c:v>
                </c:pt>
                <c:pt idx="2739">
                  <c:v>27390</c:v>
                </c:pt>
                <c:pt idx="2740">
                  <c:v>27400</c:v>
                </c:pt>
                <c:pt idx="2741">
                  <c:v>27410</c:v>
                </c:pt>
                <c:pt idx="2742">
                  <c:v>27420</c:v>
                </c:pt>
                <c:pt idx="2743">
                  <c:v>27430</c:v>
                </c:pt>
                <c:pt idx="2744">
                  <c:v>27440</c:v>
                </c:pt>
                <c:pt idx="2745">
                  <c:v>27450</c:v>
                </c:pt>
                <c:pt idx="2746">
                  <c:v>27460</c:v>
                </c:pt>
                <c:pt idx="2747">
                  <c:v>27470</c:v>
                </c:pt>
                <c:pt idx="2748">
                  <c:v>27480</c:v>
                </c:pt>
                <c:pt idx="2749">
                  <c:v>27490</c:v>
                </c:pt>
                <c:pt idx="2750">
                  <c:v>27500</c:v>
                </c:pt>
                <c:pt idx="2751">
                  <c:v>27510</c:v>
                </c:pt>
                <c:pt idx="2752">
                  <c:v>27520</c:v>
                </c:pt>
                <c:pt idx="2753">
                  <c:v>27530</c:v>
                </c:pt>
                <c:pt idx="2754">
                  <c:v>27540</c:v>
                </c:pt>
                <c:pt idx="2755">
                  <c:v>27550</c:v>
                </c:pt>
                <c:pt idx="2756">
                  <c:v>27560</c:v>
                </c:pt>
                <c:pt idx="2757">
                  <c:v>27570</c:v>
                </c:pt>
                <c:pt idx="2758">
                  <c:v>27580</c:v>
                </c:pt>
                <c:pt idx="2759">
                  <c:v>27590</c:v>
                </c:pt>
                <c:pt idx="2760">
                  <c:v>27600</c:v>
                </c:pt>
                <c:pt idx="2761">
                  <c:v>27610</c:v>
                </c:pt>
                <c:pt idx="2762">
                  <c:v>27620</c:v>
                </c:pt>
                <c:pt idx="2763">
                  <c:v>27630</c:v>
                </c:pt>
                <c:pt idx="2764">
                  <c:v>27640</c:v>
                </c:pt>
                <c:pt idx="2765">
                  <c:v>27650</c:v>
                </c:pt>
                <c:pt idx="2766">
                  <c:v>27660</c:v>
                </c:pt>
                <c:pt idx="2767">
                  <c:v>27670</c:v>
                </c:pt>
                <c:pt idx="2768">
                  <c:v>27680</c:v>
                </c:pt>
                <c:pt idx="2769">
                  <c:v>27690</c:v>
                </c:pt>
                <c:pt idx="2770">
                  <c:v>27700</c:v>
                </c:pt>
                <c:pt idx="2771">
                  <c:v>27710</c:v>
                </c:pt>
                <c:pt idx="2772">
                  <c:v>27720</c:v>
                </c:pt>
                <c:pt idx="2773">
                  <c:v>27730</c:v>
                </c:pt>
                <c:pt idx="2774">
                  <c:v>27740</c:v>
                </c:pt>
                <c:pt idx="2775">
                  <c:v>27750</c:v>
                </c:pt>
                <c:pt idx="2776">
                  <c:v>27760</c:v>
                </c:pt>
                <c:pt idx="2777">
                  <c:v>27770</c:v>
                </c:pt>
                <c:pt idx="2778">
                  <c:v>27780</c:v>
                </c:pt>
                <c:pt idx="2779">
                  <c:v>27790</c:v>
                </c:pt>
                <c:pt idx="2780">
                  <c:v>27800</c:v>
                </c:pt>
                <c:pt idx="2781">
                  <c:v>27810</c:v>
                </c:pt>
                <c:pt idx="2782">
                  <c:v>27820</c:v>
                </c:pt>
                <c:pt idx="2783">
                  <c:v>27830</c:v>
                </c:pt>
                <c:pt idx="2784">
                  <c:v>27840</c:v>
                </c:pt>
                <c:pt idx="2785">
                  <c:v>27850</c:v>
                </c:pt>
                <c:pt idx="2786">
                  <c:v>27860</c:v>
                </c:pt>
                <c:pt idx="2787">
                  <c:v>27870</c:v>
                </c:pt>
                <c:pt idx="2788">
                  <c:v>27880</c:v>
                </c:pt>
                <c:pt idx="2789">
                  <c:v>27890</c:v>
                </c:pt>
                <c:pt idx="2790">
                  <c:v>27900</c:v>
                </c:pt>
                <c:pt idx="2791">
                  <c:v>27910</c:v>
                </c:pt>
                <c:pt idx="2792">
                  <c:v>27920</c:v>
                </c:pt>
                <c:pt idx="2793">
                  <c:v>27930</c:v>
                </c:pt>
                <c:pt idx="2794">
                  <c:v>27940</c:v>
                </c:pt>
                <c:pt idx="2795">
                  <c:v>27950</c:v>
                </c:pt>
                <c:pt idx="2796">
                  <c:v>27960</c:v>
                </c:pt>
                <c:pt idx="2797">
                  <c:v>27970</c:v>
                </c:pt>
                <c:pt idx="2798">
                  <c:v>27980</c:v>
                </c:pt>
                <c:pt idx="2799">
                  <c:v>27990</c:v>
                </c:pt>
                <c:pt idx="2800">
                  <c:v>28000</c:v>
                </c:pt>
                <c:pt idx="2801">
                  <c:v>28010</c:v>
                </c:pt>
                <c:pt idx="2802">
                  <c:v>28020</c:v>
                </c:pt>
                <c:pt idx="2803">
                  <c:v>28030</c:v>
                </c:pt>
                <c:pt idx="2804">
                  <c:v>28040</c:v>
                </c:pt>
                <c:pt idx="2805">
                  <c:v>28050</c:v>
                </c:pt>
                <c:pt idx="2806">
                  <c:v>28060</c:v>
                </c:pt>
                <c:pt idx="2807">
                  <c:v>28070</c:v>
                </c:pt>
                <c:pt idx="2808">
                  <c:v>28080</c:v>
                </c:pt>
                <c:pt idx="2809">
                  <c:v>28090</c:v>
                </c:pt>
                <c:pt idx="2810">
                  <c:v>28100</c:v>
                </c:pt>
                <c:pt idx="2811">
                  <c:v>28110</c:v>
                </c:pt>
                <c:pt idx="2812">
                  <c:v>28120</c:v>
                </c:pt>
                <c:pt idx="2813">
                  <c:v>28130</c:v>
                </c:pt>
                <c:pt idx="2814">
                  <c:v>28140</c:v>
                </c:pt>
                <c:pt idx="2815">
                  <c:v>28150</c:v>
                </c:pt>
                <c:pt idx="2816">
                  <c:v>28160</c:v>
                </c:pt>
                <c:pt idx="2817">
                  <c:v>28170</c:v>
                </c:pt>
                <c:pt idx="2818">
                  <c:v>28180</c:v>
                </c:pt>
                <c:pt idx="2819">
                  <c:v>28190</c:v>
                </c:pt>
                <c:pt idx="2820">
                  <c:v>28200</c:v>
                </c:pt>
                <c:pt idx="2821">
                  <c:v>28210</c:v>
                </c:pt>
                <c:pt idx="2822">
                  <c:v>28220</c:v>
                </c:pt>
                <c:pt idx="2823">
                  <c:v>28230</c:v>
                </c:pt>
                <c:pt idx="2824">
                  <c:v>28240</c:v>
                </c:pt>
                <c:pt idx="2825">
                  <c:v>28250</c:v>
                </c:pt>
                <c:pt idx="2826">
                  <c:v>28260</c:v>
                </c:pt>
                <c:pt idx="2827">
                  <c:v>28270</c:v>
                </c:pt>
                <c:pt idx="2828">
                  <c:v>28280</c:v>
                </c:pt>
                <c:pt idx="2829">
                  <c:v>28290</c:v>
                </c:pt>
                <c:pt idx="2830">
                  <c:v>28300</c:v>
                </c:pt>
                <c:pt idx="2831">
                  <c:v>28310</c:v>
                </c:pt>
                <c:pt idx="2832">
                  <c:v>28320</c:v>
                </c:pt>
                <c:pt idx="2833">
                  <c:v>28330</c:v>
                </c:pt>
                <c:pt idx="2834">
                  <c:v>28340</c:v>
                </c:pt>
                <c:pt idx="2835">
                  <c:v>28350</c:v>
                </c:pt>
                <c:pt idx="2836">
                  <c:v>28360</c:v>
                </c:pt>
                <c:pt idx="2837">
                  <c:v>28370</c:v>
                </c:pt>
                <c:pt idx="2838">
                  <c:v>28380</c:v>
                </c:pt>
                <c:pt idx="2839">
                  <c:v>28390</c:v>
                </c:pt>
                <c:pt idx="2840">
                  <c:v>28400</c:v>
                </c:pt>
                <c:pt idx="2841">
                  <c:v>28410</c:v>
                </c:pt>
                <c:pt idx="2842">
                  <c:v>28420</c:v>
                </c:pt>
                <c:pt idx="2843">
                  <c:v>28430</c:v>
                </c:pt>
                <c:pt idx="2844">
                  <c:v>28440</c:v>
                </c:pt>
                <c:pt idx="2845">
                  <c:v>28450</c:v>
                </c:pt>
                <c:pt idx="2846">
                  <c:v>28460</c:v>
                </c:pt>
                <c:pt idx="2847">
                  <c:v>28470</c:v>
                </c:pt>
                <c:pt idx="2848">
                  <c:v>28480</c:v>
                </c:pt>
                <c:pt idx="2849">
                  <c:v>28490</c:v>
                </c:pt>
                <c:pt idx="2850">
                  <c:v>28500</c:v>
                </c:pt>
                <c:pt idx="2851">
                  <c:v>28510</c:v>
                </c:pt>
                <c:pt idx="2852">
                  <c:v>28520</c:v>
                </c:pt>
                <c:pt idx="2853">
                  <c:v>28530</c:v>
                </c:pt>
                <c:pt idx="2854">
                  <c:v>28540</c:v>
                </c:pt>
                <c:pt idx="2855">
                  <c:v>28550</c:v>
                </c:pt>
                <c:pt idx="2856">
                  <c:v>28560</c:v>
                </c:pt>
                <c:pt idx="2857">
                  <c:v>28570</c:v>
                </c:pt>
                <c:pt idx="2858">
                  <c:v>28580</c:v>
                </c:pt>
                <c:pt idx="2859">
                  <c:v>28590</c:v>
                </c:pt>
                <c:pt idx="2860">
                  <c:v>28600</c:v>
                </c:pt>
                <c:pt idx="2861">
                  <c:v>28610</c:v>
                </c:pt>
                <c:pt idx="2862">
                  <c:v>28620</c:v>
                </c:pt>
                <c:pt idx="2863">
                  <c:v>28630</c:v>
                </c:pt>
                <c:pt idx="2864">
                  <c:v>28640</c:v>
                </c:pt>
                <c:pt idx="2865">
                  <c:v>28650</c:v>
                </c:pt>
                <c:pt idx="2866">
                  <c:v>28660</c:v>
                </c:pt>
                <c:pt idx="2867">
                  <c:v>28670</c:v>
                </c:pt>
                <c:pt idx="2868">
                  <c:v>28680</c:v>
                </c:pt>
                <c:pt idx="2869">
                  <c:v>28690</c:v>
                </c:pt>
                <c:pt idx="2870">
                  <c:v>28700</c:v>
                </c:pt>
                <c:pt idx="2871">
                  <c:v>28710</c:v>
                </c:pt>
                <c:pt idx="2872">
                  <c:v>28720</c:v>
                </c:pt>
                <c:pt idx="2873">
                  <c:v>28730</c:v>
                </c:pt>
                <c:pt idx="2874">
                  <c:v>28740</c:v>
                </c:pt>
                <c:pt idx="2875">
                  <c:v>28750</c:v>
                </c:pt>
                <c:pt idx="2876">
                  <c:v>28760</c:v>
                </c:pt>
                <c:pt idx="2877">
                  <c:v>28770</c:v>
                </c:pt>
                <c:pt idx="2878">
                  <c:v>28780</c:v>
                </c:pt>
                <c:pt idx="2879">
                  <c:v>28790</c:v>
                </c:pt>
                <c:pt idx="2880">
                  <c:v>28800</c:v>
                </c:pt>
                <c:pt idx="2881">
                  <c:v>28810</c:v>
                </c:pt>
                <c:pt idx="2882">
                  <c:v>28820</c:v>
                </c:pt>
                <c:pt idx="2883">
                  <c:v>28830</c:v>
                </c:pt>
                <c:pt idx="2884">
                  <c:v>28840</c:v>
                </c:pt>
                <c:pt idx="2885">
                  <c:v>28850</c:v>
                </c:pt>
                <c:pt idx="2886">
                  <c:v>28860</c:v>
                </c:pt>
                <c:pt idx="2887">
                  <c:v>28870</c:v>
                </c:pt>
                <c:pt idx="2888">
                  <c:v>28880</c:v>
                </c:pt>
                <c:pt idx="2889">
                  <c:v>28890</c:v>
                </c:pt>
                <c:pt idx="2890">
                  <c:v>28900</c:v>
                </c:pt>
                <c:pt idx="2891">
                  <c:v>28910</c:v>
                </c:pt>
                <c:pt idx="2892">
                  <c:v>28920</c:v>
                </c:pt>
                <c:pt idx="2893">
                  <c:v>28930</c:v>
                </c:pt>
                <c:pt idx="2894">
                  <c:v>28940</c:v>
                </c:pt>
                <c:pt idx="2895">
                  <c:v>28950</c:v>
                </c:pt>
                <c:pt idx="2896">
                  <c:v>28960</c:v>
                </c:pt>
                <c:pt idx="2897">
                  <c:v>28970</c:v>
                </c:pt>
                <c:pt idx="2898">
                  <c:v>28980</c:v>
                </c:pt>
                <c:pt idx="2899">
                  <c:v>28990</c:v>
                </c:pt>
                <c:pt idx="2900">
                  <c:v>29000</c:v>
                </c:pt>
                <c:pt idx="2901">
                  <c:v>29010</c:v>
                </c:pt>
                <c:pt idx="2902">
                  <c:v>29020</c:v>
                </c:pt>
                <c:pt idx="2903">
                  <c:v>29030</c:v>
                </c:pt>
                <c:pt idx="2904">
                  <c:v>29040</c:v>
                </c:pt>
                <c:pt idx="2905">
                  <c:v>29050</c:v>
                </c:pt>
                <c:pt idx="2906">
                  <c:v>29060</c:v>
                </c:pt>
                <c:pt idx="2907">
                  <c:v>29070</c:v>
                </c:pt>
                <c:pt idx="2908">
                  <c:v>29080</c:v>
                </c:pt>
                <c:pt idx="2909">
                  <c:v>29090</c:v>
                </c:pt>
                <c:pt idx="2910">
                  <c:v>29100</c:v>
                </c:pt>
                <c:pt idx="2911">
                  <c:v>29110</c:v>
                </c:pt>
                <c:pt idx="2912">
                  <c:v>29120</c:v>
                </c:pt>
                <c:pt idx="2913">
                  <c:v>29130</c:v>
                </c:pt>
                <c:pt idx="2914">
                  <c:v>29140</c:v>
                </c:pt>
                <c:pt idx="2915">
                  <c:v>29150</c:v>
                </c:pt>
                <c:pt idx="2916">
                  <c:v>29160</c:v>
                </c:pt>
                <c:pt idx="2917">
                  <c:v>29170</c:v>
                </c:pt>
                <c:pt idx="2918">
                  <c:v>29180</c:v>
                </c:pt>
                <c:pt idx="2919">
                  <c:v>29190</c:v>
                </c:pt>
                <c:pt idx="2920">
                  <c:v>29200</c:v>
                </c:pt>
                <c:pt idx="2921">
                  <c:v>29210</c:v>
                </c:pt>
                <c:pt idx="2922">
                  <c:v>29220</c:v>
                </c:pt>
                <c:pt idx="2923">
                  <c:v>29230</c:v>
                </c:pt>
                <c:pt idx="2924">
                  <c:v>29240</c:v>
                </c:pt>
                <c:pt idx="2925">
                  <c:v>29250</c:v>
                </c:pt>
                <c:pt idx="2926">
                  <c:v>29260</c:v>
                </c:pt>
                <c:pt idx="2927">
                  <c:v>29270</c:v>
                </c:pt>
                <c:pt idx="2928">
                  <c:v>29280</c:v>
                </c:pt>
                <c:pt idx="2929">
                  <c:v>29290</c:v>
                </c:pt>
                <c:pt idx="2930">
                  <c:v>29300</c:v>
                </c:pt>
                <c:pt idx="2931">
                  <c:v>29310</c:v>
                </c:pt>
                <c:pt idx="2932">
                  <c:v>29320</c:v>
                </c:pt>
                <c:pt idx="2933">
                  <c:v>29330</c:v>
                </c:pt>
                <c:pt idx="2934">
                  <c:v>29340</c:v>
                </c:pt>
                <c:pt idx="2935">
                  <c:v>29350</c:v>
                </c:pt>
                <c:pt idx="2936">
                  <c:v>29360</c:v>
                </c:pt>
                <c:pt idx="2937">
                  <c:v>29370</c:v>
                </c:pt>
                <c:pt idx="2938">
                  <c:v>29380</c:v>
                </c:pt>
                <c:pt idx="2939">
                  <c:v>29390</c:v>
                </c:pt>
                <c:pt idx="2940">
                  <c:v>29400</c:v>
                </c:pt>
                <c:pt idx="2941">
                  <c:v>29410</c:v>
                </c:pt>
                <c:pt idx="2942">
                  <c:v>29420</c:v>
                </c:pt>
                <c:pt idx="2943">
                  <c:v>29430</c:v>
                </c:pt>
                <c:pt idx="2944">
                  <c:v>29440</c:v>
                </c:pt>
                <c:pt idx="2945">
                  <c:v>29450</c:v>
                </c:pt>
                <c:pt idx="2946">
                  <c:v>29460</c:v>
                </c:pt>
                <c:pt idx="2947">
                  <c:v>29470</c:v>
                </c:pt>
                <c:pt idx="2948">
                  <c:v>29480</c:v>
                </c:pt>
                <c:pt idx="2949">
                  <c:v>29490</c:v>
                </c:pt>
                <c:pt idx="2950">
                  <c:v>29500</c:v>
                </c:pt>
                <c:pt idx="2951">
                  <c:v>29510</c:v>
                </c:pt>
                <c:pt idx="2952">
                  <c:v>29520</c:v>
                </c:pt>
                <c:pt idx="2953">
                  <c:v>29530</c:v>
                </c:pt>
                <c:pt idx="2954">
                  <c:v>29540</c:v>
                </c:pt>
                <c:pt idx="2955">
                  <c:v>29550</c:v>
                </c:pt>
                <c:pt idx="2956">
                  <c:v>29560</c:v>
                </c:pt>
                <c:pt idx="2957">
                  <c:v>29570</c:v>
                </c:pt>
                <c:pt idx="2958">
                  <c:v>29580</c:v>
                </c:pt>
                <c:pt idx="2959">
                  <c:v>29590</c:v>
                </c:pt>
                <c:pt idx="2960">
                  <c:v>29600</c:v>
                </c:pt>
                <c:pt idx="2961">
                  <c:v>29610</c:v>
                </c:pt>
                <c:pt idx="2962">
                  <c:v>29620</c:v>
                </c:pt>
                <c:pt idx="2963">
                  <c:v>29630</c:v>
                </c:pt>
                <c:pt idx="2964">
                  <c:v>29640</c:v>
                </c:pt>
                <c:pt idx="2965">
                  <c:v>29650</c:v>
                </c:pt>
                <c:pt idx="2966">
                  <c:v>29660</c:v>
                </c:pt>
                <c:pt idx="2967">
                  <c:v>29670</c:v>
                </c:pt>
                <c:pt idx="2968">
                  <c:v>29680</c:v>
                </c:pt>
                <c:pt idx="2969">
                  <c:v>29690</c:v>
                </c:pt>
                <c:pt idx="2970">
                  <c:v>29700</c:v>
                </c:pt>
                <c:pt idx="2971">
                  <c:v>29710</c:v>
                </c:pt>
                <c:pt idx="2972">
                  <c:v>29720</c:v>
                </c:pt>
                <c:pt idx="2973">
                  <c:v>29730</c:v>
                </c:pt>
                <c:pt idx="2974">
                  <c:v>29740</c:v>
                </c:pt>
                <c:pt idx="2975">
                  <c:v>29750</c:v>
                </c:pt>
                <c:pt idx="2976">
                  <c:v>29760</c:v>
                </c:pt>
                <c:pt idx="2977">
                  <c:v>29770</c:v>
                </c:pt>
                <c:pt idx="2978">
                  <c:v>29780</c:v>
                </c:pt>
                <c:pt idx="2979">
                  <c:v>29790</c:v>
                </c:pt>
                <c:pt idx="2980">
                  <c:v>29800</c:v>
                </c:pt>
                <c:pt idx="2981">
                  <c:v>29810</c:v>
                </c:pt>
                <c:pt idx="2982">
                  <c:v>29820</c:v>
                </c:pt>
                <c:pt idx="2983">
                  <c:v>29830</c:v>
                </c:pt>
                <c:pt idx="2984">
                  <c:v>29840</c:v>
                </c:pt>
                <c:pt idx="2985">
                  <c:v>29850</c:v>
                </c:pt>
                <c:pt idx="2986">
                  <c:v>29860</c:v>
                </c:pt>
                <c:pt idx="2987">
                  <c:v>29870</c:v>
                </c:pt>
                <c:pt idx="2988">
                  <c:v>29880</c:v>
                </c:pt>
                <c:pt idx="2989">
                  <c:v>29890</c:v>
                </c:pt>
                <c:pt idx="2990">
                  <c:v>29900</c:v>
                </c:pt>
                <c:pt idx="2991">
                  <c:v>29910</c:v>
                </c:pt>
                <c:pt idx="2992">
                  <c:v>29920</c:v>
                </c:pt>
                <c:pt idx="2993">
                  <c:v>29930</c:v>
                </c:pt>
                <c:pt idx="2994">
                  <c:v>29940</c:v>
                </c:pt>
                <c:pt idx="2995">
                  <c:v>29950</c:v>
                </c:pt>
                <c:pt idx="2996">
                  <c:v>29960</c:v>
                </c:pt>
                <c:pt idx="2997">
                  <c:v>29970</c:v>
                </c:pt>
                <c:pt idx="2998">
                  <c:v>29980</c:v>
                </c:pt>
                <c:pt idx="2999">
                  <c:v>29990</c:v>
                </c:pt>
                <c:pt idx="3000">
                  <c:v>30000</c:v>
                </c:pt>
                <c:pt idx="3001">
                  <c:v>30010</c:v>
                </c:pt>
                <c:pt idx="3002">
                  <c:v>30020</c:v>
                </c:pt>
                <c:pt idx="3003">
                  <c:v>30030</c:v>
                </c:pt>
                <c:pt idx="3004">
                  <c:v>30040</c:v>
                </c:pt>
                <c:pt idx="3005">
                  <c:v>30050</c:v>
                </c:pt>
                <c:pt idx="3006">
                  <c:v>30060</c:v>
                </c:pt>
                <c:pt idx="3007">
                  <c:v>30070</c:v>
                </c:pt>
                <c:pt idx="3008">
                  <c:v>30080</c:v>
                </c:pt>
                <c:pt idx="3009">
                  <c:v>30090</c:v>
                </c:pt>
                <c:pt idx="3010">
                  <c:v>30100</c:v>
                </c:pt>
                <c:pt idx="3011">
                  <c:v>30110</c:v>
                </c:pt>
                <c:pt idx="3012">
                  <c:v>30120</c:v>
                </c:pt>
                <c:pt idx="3013">
                  <c:v>30130</c:v>
                </c:pt>
                <c:pt idx="3014">
                  <c:v>30140</c:v>
                </c:pt>
                <c:pt idx="3015">
                  <c:v>30150</c:v>
                </c:pt>
                <c:pt idx="3016">
                  <c:v>30160</c:v>
                </c:pt>
                <c:pt idx="3017">
                  <c:v>30170</c:v>
                </c:pt>
                <c:pt idx="3018">
                  <c:v>30180</c:v>
                </c:pt>
                <c:pt idx="3019">
                  <c:v>30190</c:v>
                </c:pt>
                <c:pt idx="3020">
                  <c:v>30200</c:v>
                </c:pt>
                <c:pt idx="3021">
                  <c:v>30210</c:v>
                </c:pt>
                <c:pt idx="3022">
                  <c:v>30220</c:v>
                </c:pt>
                <c:pt idx="3023">
                  <c:v>30230</c:v>
                </c:pt>
                <c:pt idx="3024">
                  <c:v>30240</c:v>
                </c:pt>
                <c:pt idx="3025">
                  <c:v>30250</c:v>
                </c:pt>
                <c:pt idx="3026">
                  <c:v>30260</c:v>
                </c:pt>
                <c:pt idx="3027">
                  <c:v>30270</c:v>
                </c:pt>
                <c:pt idx="3028">
                  <c:v>30280</c:v>
                </c:pt>
                <c:pt idx="3029">
                  <c:v>30290</c:v>
                </c:pt>
                <c:pt idx="3030">
                  <c:v>30300</c:v>
                </c:pt>
                <c:pt idx="3031">
                  <c:v>30310</c:v>
                </c:pt>
                <c:pt idx="3032">
                  <c:v>30320</c:v>
                </c:pt>
                <c:pt idx="3033">
                  <c:v>30330</c:v>
                </c:pt>
                <c:pt idx="3034">
                  <c:v>30340</c:v>
                </c:pt>
                <c:pt idx="3035">
                  <c:v>30350</c:v>
                </c:pt>
                <c:pt idx="3036">
                  <c:v>30360</c:v>
                </c:pt>
                <c:pt idx="3037">
                  <c:v>30370</c:v>
                </c:pt>
                <c:pt idx="3038">
                  <c:v>30380</c:v>
                </c:pt>
                <c:pt idx="3039">
                  <c:v>30390</c:v>
                </c:pt>
                <c:pt idx="3040">
                  <c:v>30400</c:v>
                </c:pt>
                <c:pt idx="3041">
                  <c:v>30410</c:v>
                </c:pt>
                <c:pt idx="3042">
                  <c:v>30420</c:v>
                </c:pt>
                <c:pt idx="3043">
                  <c:v>30430</c:v>
                </c:pt>
                <c:pt idx="3044">
                  <c:v>30440</c:v>
                </c:pt>
                <c:pt idx="3045">
                  <c:v>30450</c:v>
                </c:pt>
                <c:pt idx="3046">
                  <c:v>30460</c:v>
                </c:pt>
                <c:pt idx="3047">
                  <c:v>30470</c:v>
                </c:pt>
                <c:pt idx="3048">
                  <c:v>30480</c:v>
                </c:pt>
                <c:pt idx="3049">
                  <c:v>30490</c:v>
                </c:pt>
                <c:pt idx="3050">
                  <c:v>30500</c:v>
                </c:pt>
                <c:pt idx="3051">
                  <c:v>30510</c:v>
                </c:pt>
                <c:pt idx="3052">
                  <c:v>30520</c:v>
                </c:pt>
                <c:pt idx="3053">
                  <c:v>30530</c:v>
                </c:pt>
                <c:pt idx="3054">
                  <c:v>30540</c:v>
                </c:pt>
                <c:pt idx="3055">
                  <c:v>30550</c:v>
                </c:pt>
                <c:pt idx="3056">
                  <c:v>30560</c:v>
                </c:pt>
                <c:pt idx="3057">
                  <c:v>30570</c:v>
                </c:pt>
                <c:pt idx="3058">
                  <c:v>30580</c:v>
                </c:pt>
                <c:pt idx="3059">
                  <c:v>30590</c:v>
                </c:pt>
                <c:pt idx="3060">
                  <c:v>30600</c:v>
                </c:pt>
                <c:pt idx="3061">
                  <c:v>30610</c:v>
                </c:pt>
                <c:pt idx="3062">
                  <c:v>30620</c:v>
                </c:pt>
                <c:pt idx="3063">
                  <c:v>30630</c:v>
                </c:pt>
                <c:pt idx="3064">
                  <c:v>30640</c:v>
                </c:pt>
                <c:pt idx="3065">
                  <c:v>30650</c:v>
                </c:pt>
                <c:pt idx="3066">
                  <c:v>30660</c:v>
                </c:pt>
                <c:pt idx="3067">
                  <c:v>30670</c:v>
                </c:pt>
                <c:pt idx="3068">
                  <c:v>30680</c:v>
                </c:pt>
                <c:pt idx="3069">
                  <c:v>30690</c:v>
                </c:pt>
                <c:pt idx="3070">
                  <c:v>30700</c:v>
                </c:pt>
                <c:pt idx="3071">
                  <c:v>30710</c:v>
                </c:pt>
                <c:pt idx="3072">
                  <c:v>30720</c:v>
                </c:pt>
                <c:pt idx="3073">
                  <c:v>30730</c:v>
                </c:pt>
                <c:pt idx="3074">
                  <c:v>30740</c:v>
                </c:pt>
                <c:pt idx="3075">
                  <c:v>30750</c:v>
                </c:pt>
                <c:pt idx="3076">
                  <c:v>30760</c:v>
                </c:pt>
                <c:pt idx="3077">
                  <c:v>30770</c:v>
                </c:pt>
                <c:pt idx="3078">
                  <c:v>30780</c:v>
                </c:pt>
                <c:pt idx="3079">
                  <c:v>30790</c:v>
                </c:pt>
                <c:pt idx="3080">
                  <c:v>30800</c:v>
                </c:pt>
                <c:pt idx="3081">
                  <c:v>30810</c:v>
                </c:pt>
                <c:pt idx="3082">
                  <c:v>30820</c:v>
                </c:pt>
                <c:pt idx="3083">
                  <c:v>30830</c:v>
                </c:pt>
                <c:pt idx="3084">
                  <c:v>30840</c:v>
                </c:pt>
                <c:pt idx="3085">
                  <c:v>30850</c:v>
                </c:pt>
                <c:pt idx="3086">
                  <c:v>30860</c:v>
                </c:pt>
                <c:pt idx="3087">
                  <c:v>30870</c:v>
                </c:pt>
                <c:pt idx="3088">
                  <c:v>30880</c:v>
                </c:pt>
                <c:pt idx="3089">
                  <c:v>30890</c:v>
                </c:pt>
                <c:pt idx="3090">
                  <c:v>30900</c:v>
                </c:pt>
                <c:pt idx="3091">
                  <c:v>30910</c:v>
                </c:pt>
                <c:pt idx="3092">
                  <c:v>30920</c:v>
                </c:pt>
                <c:pt idx="3093">
                  <c:v>30930</c:v>
                </c:pt>
                <c:pt idx="3094">
                  <c:v>30940</c:v>
                </c:pt>
                <c:pt idx="3095">
                  <c:v>30950</c:v>
                </c:pt>
                <c:pt idx="3096">
                  <c:v>30960</c:v>
                </c:pt>
                <c:pt idx="3097">
                  <c:v>30970</c:v>
                </c:pt>
                <c:pt idx="3098">
                  <c:v>30980</c:v>
                </c:pt>
                <c:pt idx="3099">
                  <c:v>30990</c:v>
                </c:pt>
                <c:pt idx="3100">
                  <c:v>31000</c:v>
                </c:pt>
                <c:pt idx="3101">
                  <c:v>31010</c:v>
                </c:pt>
                <c:pt idx="3102">
                  <c:v>31020</c:v>
                </c:pt>
                <c:pt idx="3103">
                  <c:v>31030</c:v>
                </c:pt>
                <c:pt idx="3104">
                  <c:v>31040</c:v>
                </c:pt>
                <c:pt idx="3105">
                  <c:v>31050</c:v>
                </c:pt>
                <c:pt idx="3106">
                  <c:v>31060</c:v>
                </c:pt>
                <c:pt idx="3107">
                  <c:v>31070</c:v>
                </c:pt>
                <c:pt idx="3108">
                  <c:v>31080</c:v>
                </c:pt>
                <c:pt idx="3109">
                  <c:v>31090</c:v>
                </c:pt>
                <c:pt idx="3110">
                  <c:v>31100</c:v>
                </c:pt>
                <c:pt idx="3111">
                  <c:v>31110</c:v>
                </c:pt>
                <c:pt idx="3112">
                  <c:v>31120</c:v>
                </c:pt>
                <c:pt idx="3113">
                  <c:v>31130</c:v>
                </c:pt>
                <c:pt idx="3114">
                  <c:v>31140</c:v>
                </c:pt>
                <c:pt idx="3115">
                  <c:v>31150</c:v>
                </c:pt>
                <c:pt idx="3116">
                  <c:v>31160</c:v>
                </c:pt>
                <c:pt idx="3117">
                  <c:v>31170</c:v>
                </c:pt>
                <c:pt idx="3118">
                  <c:v>31180</c:v>
                </c:pt>
                <c:pt idx="3119">
                  <c:v>31190</c:v>
                </c:pt>
                <c:pt idx="3120">
                  <c:v>31200</c:v>
                </c:pt>
                <c:pt idx="3121">
                  <c:v>31210</c:v>
                </c:pt>
                <c:pt idx="3122">
                  <c:v>31220</c:v>
                </c:pt>
                <c:pt idx="3123">
                  <c:v>31230</c:v>
                </c:pt>
                <c:pt idx="3124">
                  <c:v>31240</c:v>
                </c:pt>
                <c:pt idx="3125">
                  <c:v>31250</c:v>
                </c:pt>
                <c:pt idx="3126">
                  <c:v>31260</c:v>
                </c:pt>
                <c:pt idx="3127">
                  <c:v>31270</c:v>
                </c:pt>
                <c:pt idx="3128">
                  <c:v>31280</c:v>
                </c:pt>
                <c:pt idx="3129">
                  <c:v>31290</c:v>
                </c:pt>
                <c:pt idx="3130">
                  <c:v>31300</c:v>
                </c:pt>
                <c:pt idx="3131">
                  <c:v>31310</c:v>
                </c:pt>
                <c:pt idx="3132">
                  <c:v>31320</c:v>
                </c:pt>
                <c:pt idx="3133">
                  <c:v>31330</c:v>
                </c:pt>
                <c:pt idx="3134">
                  <c:v>31340</c:v>
                </c:pt>
                <c:pt idx="3135">
                  <c:v>31350</c:v>
                </c:pt>
                <c:pt idx="3136">
                  <c:v>31360</c:v>
                </c:pt>
                <c:pt idx="3137">
                  <c:v>31370</c:v>
                </c:pt>
                <c:pt idx="3138">
                  <c:v>31380</c:v>
                </c:pt>
                <c:pt idx="3139">
                  <c:v>31390</c:v>
                </c:pt>
                <c:pt idx="3140">
                  <c:v>31400</c:v>
                </c:pt>
                <c:pt idx="3141">
                  <c:v>31410</c:v>
                </c:pt>
                <c:pt idx="3142">
                  <c:v>31420</c:v>
                </c:pt>
                <c:pt idx="3143">
                  <c:v>31430</c:v>
                </c:pt>
                <c:pt idx="3144">
                  <c:v>31440</c:v>
                </c:pt>
                <c:pt idx="3145">
                  <c:v>31450</c:v>
                </c:pt>
                <c:pt idx="3146">
                  <c:v>31460</c:v>
                </c:pt>
                <c:pt idx="3147">
                  <c:v>31470</c:v>
                </c:pt>
                <c:pt idx="3148">
                  <c:v>31480</c:v>
                </c:pt>
                <c:pt idx="3149">
                  <c:v>31490</c:v>
                </c:pt>
                <c:pt idx="3150">
                  <c:v>31500</c:v>
                </c:pt>
                <c:pt idx="3151">
                  <c:v>31510</c:v>
                </c:pt>
                <c:pt idx="3152">
                  <c:v>31520</c:v>
                </c:pt>
                <c:pt idx="3153">
                  <c:v>31530</c:v>
                </c:pt>
                <c:pt idx="3154">
                  <c:v>31540</c:v>
                </c:pt>
                <c:pt idx="3155">
                  <c:v>31550</c:v>
                </c:pt>
                <c:pt idx="3156">
                  <c:v>31560</c:v>
                </c:pt>
                <c:pt idx="3157">
                  <c:v>31570</c:v>
                </c:pt>
                <c:pt idx="3158">
                  <c:v>31580</c:v>
                </c:pt>
                <c:pt idx="3159">
                  <c:v>31590</c:v>
                </c:pt>
                <c:pt idx="3160">
                  <c:v>31600</c:v>
                </c:pt>
                <c:pt idx="3161">
                  <c:v>31610</c:v>
                </c:pt>
                <c:pt idx="3162">
                  <c:v>31620</c:v>
                </c:pt>
                <c:pt idx="3163">
                  <c:v>31630</c:v>
                </c:pt>
                <c:pt idx="3164">
                  <c:v>31640</c:v>
                </c:pt>
                <c:pt idx="3165">
                  <c:v>31650</c:v>
                </c:pt>
                <c:pt idx="3166">
                  <c:v>31660</c:v>
                </c:pt>
                <c:pt idx="3167">
                  <c:v>31670</c:v>
                </c:pt>
                <c:pt idx="3168">
                  <c:v>31680</c:v>
                </c:pt>
                <c:pt idx="3169">
                  <c:v>31690</c:v>
                </c:pt>
                <c:pt idx="3170">
                  <c:v>31700</c:v>
                </c:pt>
                <c:pt idx="3171">
                  <c:v>31710</c:v>
                </c:pt>
                <c:pt idx="3172">
                  <c:v>31720</c:v>
                </c:pt>
                <c:pt idx="3173">
                  <c:v>31730</c:v>
                </c:pt>
                <c:pt idx="3174">
                  <c:v>31740</c:v>
                </c:pt>
                <c:pt idx="3175">
                  <c:v>31750</c:v>
                </c:pt>
                <c:pt idx="3176">
                  <c:v>31760</c:v>
                </c:pt>
                <c:pt idx="3177">
                  <c:v>31770</c:v>
                </c:pt>
                <c:pt idx="3178">
                  <c:v>31780</c:v>
                </c:pt>
                <c:pt idx="3179">
                  <c:v>31790</c:v>
                </c:pt>
                <c:pt idx="3180">
                  <c:v>31800</c:v>
                </c:pt>
                <c:pt idx="3181">
                  <c:v>31810</c:v>
                </c:pt>
                <c:pt idx="3182">
                  <c:v>31820</c:v>
                </c:pt>
                <c:pt idx="3183">
                  <c:v>31830</c:v>
                </c:pt>
                <c:pt idx="3184">
                  <c:v>31840</c:v>
                </c:pt>
                <c:pt idx="3185">
                  <c:v>31850</c:v>
                </c:pt>
                <c:pt idx="3186">
                  <c:v>31860</c:v>
                </c:pt>
                <c:pt idx="3187">
                  <c:v>31870</c:v>
                </c:pt>
                <c:pt idx="3188">
                  <c:v>31880</c:v>
                </c:pt>
                <c:pt idx="3189">
                  <c:v>31890</c:v>
                </c:pt>
                <c:pt idx="3190">
                  <c:v>31900</c:v>
                </c:pt>
                <c:pt idx="3191">
                  <c:v>31910</c:v>
                </c:pt>
                <c:pt idx="3192">
                  <c:v>31920</c:v>
                </c:pt>
                <c:pt idx="3193">
                  <c:v>31930</c:v>
                </c:pt>
                <c:pt idx="3194">
                  <c:v>31940</c:v>
                </c:pt>
                <c:pt idx="3195">
                  <c:v>31950</c:v>
                </c:pt>
                <c:pt idx="3196">
                  <c:v>31960</c:v>
                </c:pt>
                <c:pt idx="3197">
                  <c:v>31970</c:v>
                </c:pt>
                <c:pt idx="3198">
                  <c:v>31980</c:v>
                </c:pt>
                <c:pt idx="3199">
                  <c:v>31990</c:v>
                </c:pt>
                <c:pt idx="3200">
                  <c:v>32000</c:v>
                </c:pt>
                <c:pt idx="3201">
                  <c:v>32010</c:v>
                </c:pt>
                <c:pt idx="3202">
                  <c:v>32020</c:v>
                </c:pt>
                <c:pt idx="3203">
                  <c:v>32030</c:v>
                </c:pt>
                <c:pt idx="3204">
                  <c:v>32040</c:v>
                </c:pt>
                <c:pt idx="3205">
                  <c:v>32050</c:v>
                </c:pt>
                <c:pt idx="3206">
                  <c:v>32060</c:v>
                </c:pt>
                <c:pt idx="3207">
                  <c:v>32070</c:v>
                </c:pt>
                <c:pt idx="3208">
                  <c:v>32080</c:v>
                </c:pt>
                <c:pt idx="3209">
                  <c:v>32090</c:v>
                </c:pt>
                <c:pt idx="3210">
                  <c:v>32100</c:v>
                </c:pt>
                <c:pt idx="3211">
                  <c:v>32110</c:v>
                </c:pt>
                <c:pt idx="3212">
                  <c:v>32120</c:v>
                </c:pt>
                <c:pt idx="3213">
                  <c:v>32130</c:v>
                </c:pt>
                <c:pt idx="3214">
                  <c:v>32140</c:v>
                </c:pt>
                <c:pt idx="3215">
                  <c:v>32150</c:v>
                </c:pt>
                <c:pt idx="3216">
                  <c:v>32160</c:v>
                </c:pt>
                <c:pt idx="3217">
                  <c:v>32170</c:v>
                </c:pt>
                <c:pt idx="3218">
                  <c:v>32180</c:v>
                </c:pt>
                <c:pt idx="3219">
                  <c:v>32190</c:v>
                </c:pt>
                <c:pt idx="3220">
                  <c:v>32200</c:v>
                </c:pt>
                <c:pt idx="3221">
                  <c:v>32210</c:v>
                </c:pt>
                <c:pt idx="3222">
                  <c:v>32220</c:v>
                </c:pt>
                <c:pt idx="3223">
                  <c:v>32230</c:v>
                </c:pt>
                <c:pt idx="3224">
                  <c:v>32240</c:v>
                </c:pt>
                <c:pt idx="3225">
                  <c:v>32250</c:v>
                </c:pt>
                <c:pt idx="3226">
                  <c:v>32260</c:v>
                </c:pt>
                <c:pt idx="3227">
                  <c:v>32270</c:v>
                </c:pt>
                <c:pt idx="3228">
                  <c:v>32280</c:v>
                </c:pt>
                <c:pt idx="3229">
                  <c:v>32290</c:v>
                </c:pt>
                <c:pt idx="3230">
                  <c:v>32300</c:v>
                </c:pt>
                <c:pt idx="3231">
                  <c:v>32310</c:v>
                </c:pt>
                <c:pt idx="3232">
                  <c:v>32320</c:v>
                </c:pt>
                <c:pt idx="3233">
                  <c:v>32330</c:v>
                </c:pt>
                <c:pt idx="3234">
                  <c:v>32340</c:v>
                </c:pt>
                <c:pt idx="3235">
                  <c:v>32350</c:v>
                </c:pt>
                <c:pt idx="3236">
                  <c:v>32360</c:v>
                </c:pt>
                <c:pt idx="3237">
                  <c:v>32370</c:v>
                </c:pt>
                <c:pt idx="3238">
                  <c:v>32380</c:v>
                </c:pt>
                <c:pt idx="3239">
                  <c:v>32390</c:v>
                </c:pt>
                <c:pt idx="3240">
                  <c:v>32400</c:v>
                </c:pt>
                <c:pt idx="3241">
                  <c:v>32410</c:v>
                </c:pt>
                <c:pt idx="3242">
                  <c:v>32420</c:v>
                </c:pt>
                <c:pt idx="3243">
                  <c:v>32430</c:v>
                </c:pt>
                <c:pt idx="3244">
                  <c:v>32440</c:v>
                </c:pt>
                <c:pt idx="3245">
                  <c:v>32450</c:v>
                </c:pt>
                <c:pt idx="3246">
                  <c:v>32460</c:v>
                </c:pt>
                <c:pt idx="3247">
                  <c:v>32470</c:v>
                </c:pt>
                <c:pt idx="3248">
                  <c:v>32480</c:v>
                </c:pt>
                <c:pt idx="3249">
                  <c:v>32490</c:v>
                </c:pt>
                <c:pt idx="3250">
                  <c:v>32500</c:v>
                </c:pt>
                <c:pt idx="3251">
                  <c:v>32510</c:v>
                </c:pt>
                <c:pt idx="3252">
                  <c:v>32520</c:v>
                </c:pt>
                <c:pt idx="3253">
                  <c:v>32530</c:v>
                </c:pt>
                <c:pt idx="3254">
                  <c:v>32540</c:v>
                </c:pt>
                <c:pt idx="3255">
                  <c:v>32550</c:v>
                </c:pt>
                <c:pt idx="3256">
                  <c:v>32560</c:v>
                </c:pt>
                <c:pt idx="3257">
                  <c:v>32570</c:v>
                </c:pt>
                <c:pt idx="3258">
                  <c:v>32580</c:v>
                </c:pt>
                <c:pt idx="3259">
                  <c:v>32590</c:v>
                </c:pt>
                <c:pt idx="3260">
                  <c:v>32600</c:v>
                </c:pt>
                <c:pt idx="3261">
                  <c:v>32610</c:v>
                </c:pt>
                <c:pt idx="3262">
                  <c:v>32620</c:v>
                </c:pt>
                <c:pt idx="3263">
                  <c:v>32630</c:v>
                </c:pt>
                <c:pt idx="3264">
                  <c:v>32640</c:v>
                </c:pt>
                <c:pt idx="3265">
                  <c:v>32650</c:v>
                </c:pt>
                <c:pt idx="3266">
                  <c:v>32660</c:v>
                </c:pt>
                <c:pt idx="3267">
                  <c:v>32670</c:v>
                </c:pt>
                <c:pt idx="3268">
                  <c:v>32680</c:v>
                </c:pt>
                <c:pt idx="3269">
                  <c:v>32690</c:v>
                </c:pt>
                <c:pt idx="3270">
                  <c:v>32700</c:v>
                </c:pt>
                <c:pt idx="3271">
                  <c:v>32710</c:v>
                </c:pt>
                <c:pt idx="3272">
                  <c:v>32720</c:v>
                </c:pt>
                <c:pt idx="3273">
                  <c:v>32730</c:v>
                </c:pt>
                <c:pt idx="3274">
                  <c:v>32740</c:v>
                </c:pt>
                <c:pt idx="3275">
                  <c:v>32750</c:v>
                </c:pt>
                <c:pt idx="3276">
                  <c:v>32760</c:v>
                </c:pt>
                <c:pt idx="3277">
                  <c:v>32770</c:v>
                </c:pt>
                <c:pt idx="3278">
                  <c:v>32780</c:v>
                </c:pt>
                <c:pt idx="3279">
                  <c:v>32790</c:v>
                </c:pt>
                <c:pt idx="3280">
                  <c:v>32800</c:v>
                </c:pt>
                <c:pt idx="3281">
                  <c:v>32810</c:v>
                </c:pt>
                <c:pt idx="3282">
                  <c:v>32820</c:v>
                </c:pt>
                <c:pt idx="3283">
                  <c:v>32830</c:v>
                </c:pt>
                <c:pt idx="3284">
                  <c:v>32840</c:v>
                </c:pt>
                <c:pt idx="3285">
                  <c:v>32850</c:v>
                </c:pt>
                <c:pt idx="3286">
                  <c:v>32860</c:v>
                </c:pt>
                <c:pt idx="3287">
                  <c:v>32870</c:v>
                </c:pt>
                <c:pt idx="3288">
                  <c:v>32880</c:v>
                </c:pt>
                <c:pt idx="3289">
                  <c:v>32890</c:v>
                </c:pt>
                <c:pt idx="3290">
                  <c:v>32900</c:v>
                </c:pt>
                <c:pt idx="3291">
                  <c:v>32910</c:v>
                </c:pt>
                <c:pt idx="3292">
                  <c:v>32920</c:v>
                </c:pt>
                <c:pt idx="3293">
                  <c:v>32930</c:v>
                </c:pt>
                <c:pt idx="3294">
                  <c:v>32940</c:v>
                </c:pt>
                <c:pt idx="3295">
                  <c:v>32950</c:v>
                </c:pt>
                <c:pt idx="3296">
                  <c:v>32960</c:v>
                </c:pt>
                <c:pt idx="3297">
                  <c:v>32970</c:v>
                </c:pt>
                <c:pt idx="3298">
                  <c:v>32980</c:v>
                </c:pt>
                <c:pt idx="3299">
                  <c:v>32990</c:v>
                </c:pt>
                <c:pt idx="3300">
                  <c:v>33000</c:v>
                </c:pt>
                <c:pt idx="3301">
                  <c:v>33010</c:v>
                </c:pt>
                <c:pt idx="3302">
                  <c:v>33020</c:v>
                </c:pt>
                <c:pt idx="3303">
                  <c:v>33030</c:v>
                </c:pt>
                <c:pt idx="3304">
                  <c:v>33040</c:v>
                </c:pt>
                <c:pt idx="3305">
                  <c:v>33050</c:v>
                </c:pt>
                <c:pt idx="3306">
                  <c:v>33060</c:v>
                </c:pt>
                <c:pt idx="3307">
                  <c:v>33070</c:v>
                </c:pt>
                <c:pt idx="3308">
                  <c:v>33080</c:v>
                </c:pt>
                <c:pt idx="3309">
                  <c:v>33090</c:v>
                </c:pt>
                <c:pt idx="3310">
                  <c:v>33100</c:v>
                </c:pt>
                <c:pt idx="3311">
                  <c:v>33110</c:v>
                </c:pt>
                <c:pt idx="3312">
                  <c:v>33120</c:v>
                </c:pt>
                <c:pt idx="3313">
                  <c:v>33130</c:v>
                </c:pt>
                <c:pt idx="3314">
                  <c:v>33140</c:v>
                </c:pt>
                <c:pt idx="3315">
                  <c:v>33150</c:v>
                </c:pt>
                <c:pt idx="3316">
                  <c:v>33160</c:v>
                </c:pt>
                <c:pt idx="3317">
                  <c:v>33170</c:v>
                </c:pt>
                <c:pt idx="3318">
                  <c:v>33180</c:v>
                </c:pt>
                <c:pt idx="3319">
                  <c:v>33190</c:v>
                </c:pt>
                <c:pt idx="3320">
                  <c:v>33200</c:v>
                </c:pt>
                <c:pt idx="3321">
                  <c:v>33210</c:v>
                </c:pt>
                <c:pt idx="3322">
                  <c:v>33220</c:v>
                </c:pt>
                <c:pt idx="3323">
                  <c:v>33230</c:v>
                </c:pt>
                <c:pt idx="3324">
                  <c:v>33240</c:v>
                </c:pt>
                <c:pt idx="3325">
                  <c:v>33250</c:v>
                </c:pt>
                <c:pt idx="3326">
                  <c:v>33260</c:v>
                </c:pt>
                <c:pt idx="3327">
                  <c:v>33270</c:v>
                </c:pt>
                <c:pt idx="3328">
                  <c:v>33280</c:v>
                </c:pt>
                <c:pt idx="3329">
                  <c:v>33290</c:v>
                </c:pt>
                <c:pt idx="3330">
                  <c:v>33300</c:v>
                </c:pt>
                <c:pt idx="3331">
                  <c:v>33310</c:v>
                </c:pt>
                <c:pt idx="3332">
                  <c:v>33320</c:v>
                </c:pt>
                <c:pt idx="3333">
                  <c:v>33330</c:v>
                </c:pt>
                <c:pt idx="3334">
                  <c:v>33340</c:v>
                </c:pt>
                <c:pt idx="3335">
                  <c:v>33350</c:v>
                </c:pt>
                <c:pt idx="3336">
                  <c:v>33360</c:v>
                </c:pt>
                <c:pt idx="3337">
                  <c:v>33370</c:v>
                </c:pt>
                <c:pt idx="3338">
                  <c:v>33380</c:v>
                </c:pt>
                <c:pt idx="3339">
                  <c:v>33390</c:v>
                </c:pt>
                <c:pt idx="3340">
                  <c:v>33400</c:v>
                </c:pt>
                <c:pt idx="3341">
                  <c:v>33410</c:v>
                </c:pt>
                <c:pt idx="3342">
                  <c:v>33420</c:v>
                </c:pt>
                <c:pt idx="3343">
                  <c:v>33430</c:v>
                </c:pt>
                <c:pt idx="3344">
                  <c:v>33440</c:v>
                </c:pt>
                <c:pt idx="3345">
                  <c:v>33450</c:v>
                </c:pt>
                <c:pt idx="3346">
                  <c:v>33460</c:v>
                </c:pt>
                <c:pt idx="3347">
                  <c:v>33470</c:v>
                </c:pt>
                <c:pt idx="3348">
                  <c:v>33480</c:v>
                </c:pt>
                <c:pt idx="3349">
                  <c:v>33490</c:v>
                </c:pt>
                <c:pt idx="3350">
                  <c:v>33500</c:v>
                </c:pt>
                <c:pt idx="3351">
                  <c:v>33510</c:v>
                </c:pt>
                <c:pt idx="3352">
                  <c:v>33520</c:v>
                </c:pt>
                <c:pt idx="3353">
                  <c:v>33530</c:v>
                </c:pt>
                <c:pt idx="3354">
                  <c:v>33540</c:v>
                </c:pt>
                <c:pt idx="3355">
                  <c:v>33550</c:v>
                </c:pt>
                <c:pt idx="3356">
                  <c:v>33560</c:v>
                </c:pt>
                <c:pt idx="3357">
                  <c:v>33570</c:v>
                </c:pt>
                <c:pt idx="3358">
                  <c:v>33580</c:v>
                </c:pt>
                <c:pt idx="3359">
                  <c:v>33590</c:v>
                </c:pt>
                <c:pt idx="3360">
                  <c:v>33600</c:v>
                </c:pt>
                <c:pt idx="3361">
                  <c:v>33610</c:v>
                </c:pt>
                <c:pt idx="3362">
                  <c:v>33620</c:v>
                </c:pt>
                <c:pt idx="3363">
                  <c:v>33630</c:v>
                </c:pt>
                <c:pt idx="3364">
                  <c:v>33640</c:v>
                </c:pt>
                <c:pt idx="3365">
                  <c:v>33650</c:v>
                </c:pt>
                <c:pt idx="3366">
                  <c:v>33660</c:v>
                </c:pt>
                <c:pt idx="3367">
                  <c:v>33670</c:v>
                </c:pt>
                <c:pt idx="3368">
                  <c:v>33680</c:v>
                </c:pt>
                <c:pt idx="3369">
                  <c:v>33690</c:v>
                </c:pt>
                <c:pt idx="3370">
                  <c:v>33700</c:v>
                </c:pt>
                <c:pt idx="3371">
                  <c:v>33710</c:v>
                </c:pt>
                <c:pt idx="3372">
                  <c:v>33720</c:v>
                </c:pt>
                <c:pt idx="3373">
                  <c:v>33730</c:v>
                </c:pt>
                <c:pt idx="3374">
                  <c:v>33740</c:v>
                </c:pt>
                <c:pt idx="3375">
                  <c:v>33750</c:v>
                </c:pt>
                <c:pt idx="3376">
                  <c:v>33760</c:v>
                </c:pt>
                <c:pt idx="3377">
                  <c:v>33770</c:v>
                </c:pt>
                <c:pt idx="3378">
                  <c:v>33780</c:v>
                </c:pt>
                <c:pt idx="3379">
                  <c:v>33790</c:v>
                </c:pt>
                <c:pt idx="3380">
                  <c:v>33800</c:v>
                </c:pt>
                <c:pt idx="3381">
                  <c:v>33810</c:v>
                </c:pt>
                <c:pt idx="3382">
                  <c:v>33820</c:v>
                </c:pt>
                <c:pt idx="3383">
                  <c:v>33830</c:v>
                </c:pt>
                <c:pt idx="3384">
                  <c:v>33840</c:v>
                </c:pt>
                <c:pt idx="3385">
                  <c:v>33850</c:v>
                </c:pt>
                <c:pt idx="3386">
                  <c:v>33860</c:v>
                </c:pt>
                <c:pt idx="3387">
                  <c:v>33870</c:v>
                </c:pt>
                <c:pt idx="3388">
                  <c:v>33880</c:v>
                </c:pt>
                <c:pt idx="3389">
                  <c:v>33890</c:v>
                </c:pt>
                <c:pt idx="3390">
                  <c:v>33900</c:v>
                </c:pt>
                <c:pt idx="3391">
                  <c:v>33910</c:v>
                </c:pt>
                <c:pt idx="3392">
                  <c:v>33920</c:v>
                </c:pt>
                <c:pt idx="3393">
                  <c:v>33930</c:v>
                </c:pt>
                <c:pt idx="3394">
                  <c:v>33940</c:v>
                </c:pt>
                <c:pt idx="3395">
                  <c:v>33950</c:v>
                </c:pt>
                <c:pt idx="3396">
                  <c:v>33960</c:v>
                </c:pt>
                <c:pt idx="3397">
                  <c:v>33970</c:v>
                </c:pt>
                <c:pt idx="3398">
                  <c:v>33980</c:v>
                </c:pt>
                <c:pt idx="3399">
                  <c:v>33990</c:v>
                </c:pt>
                <c:pt idx="3400">
                  <c:v>34000</c:v>
                </c:pt>
                <c:pt idx="3401">
                  <c:v>34010</c:v>
                </c:pt>
                <c:pt idx="3402">
                  <c:v>34020</c:v>
                </c:pt>
                <c:pt idx="3403">
                  <c:v>34030</c:v>
                </c:pt>
                <c:pt idx="3404">
                  <c:v>34040</c:v>
                </c:pt>
                <c:pt idx="3405">
                  <c:v>34050</c:v>
                </c:pt>
                <c:pt idx="3406">
                  <c:v>34060</c:v>
                </c:pt>
                <c:pt idx="3407">
                  <c:v>34070</c:v>
                </c:pt>
                <c:pt idx="3408">
                  <c:v>34080</c:v>
                </c:pt>
                <c:pt idx="3409">
                  <c:v>34090</c:v>
                </c:pt>
                <c:pt idx="3410">
                  <c:v>34100</c:v>
                </c:pt>
                <c:pt idx="3411">
                  <c:v>34110</c:v>
                </c:pt>
                <c:pt idx="3412">
                  <c:v>34120</c:v>
                </c:pt>
                <c:pt idx="3413">
                  <c:v>34130</c:v>
                </c:pt>
                <c:pt idx="3414">
                  <c:v>34140</c:v>
                </c:pt>
                <c:pt idx="3415">
                  <c:v>34150</c:v>
                </c:pt>
                <c:pt idx="3416">
                  <c:v>34160</c:v>
                </c:pt>
                <c:pt idx="3417">
                  <c:v>34170</c:v>
                </c:pt>
                <c:pt idx="3418">
                  <c:v>34180</c:v>
                </c:pt>
                <c:pt idx="3419">
                  <c:v>34190</c:v>
                </c:pt>
                <c:pt idx="3420">
                  <c:v>34200</c:v>
                </c:pt>
                <c:pt idx="3421">
                  <c:v>34210</c:v>
                </c:pt>
                <c:pt idx="3422">
                  <c:v>34220</c:v>
                </c:pt>
                <c:pt idx="3423">
                  <c:v>34230</c:v>
                </c:pt>
                <c:pt idx="3424">
                  <c:v>34240</c:v>
                </c:pt>
                <c:pt idx="3425">
                  <c:v>34250</c:v>
                </c:pt>
                <c:pt idx="3426">
                  <c:v>34260</c:v>
                </c:pt>
                <c:pt idx="3427">
                  <c:v>34270</c:v>
                </c:pt>
                <c:pt idx="3428">
                  <c:v>34280</c:v>
                </c:pt>
                <c:pt idx="3429">
                  <c:v>34290</c:v>
                </c:pt>
                <c:pt idx="3430">
                  <c:v>34300</c:v>
                </c:pt>
                <c:pt idx="3431">
                  <c:v>34310</c:v>
                </c:pt>
                <c:pt idx="3432">
                  <c:v>34320</c:v>
                </c:pt>
                <c:pt idx="3433">
                  <c:v>34330</c:v>
                </c:pt>
                <c:pt idx="3434">
                  <c:v>34340</c:v>
                </c:pt>
                <c:pt idx="3435">
                  <c:v>34350</c:v>
                </c:pt>
                <c:pt idx="3436">
                  <c:v>34360</c:v>
                </c:pt>
                <c:pt idx="3437">
                  <c:v>34370</c:v>
                </c:pt>
                <c:pt idx="3438">
                  <c:v>34380</c:v>
                </c:pt>
                <c:pt idx="3439">
                  <c:v>34390</c:v>
                </c:pt>
                <c:pt idx="3440">
                  <c:v>34400</c:v>
                </c:pt>
                <c:pt idx="3441">
                  <c:v>34410</c:v>
                </c:pt>
                <c:pt idx="3442">
                  <c:v>34420</c:v>
                </c:pt>
                <c:pt idx="3443">
                  <c:v>34430</c:v>
                </c:pt>
                <c:pt idx="3444">
                  <c:v>34440</c:v>
                </c:pt>
                <c:pt idx="3445">
                  <c:v>34450</c:v>
                </c:pt>
                <c:pt idx="3446">
                  <c:v>34460</c:v>
                </c:pt>
                <c:pt idx="3447">
                  <c:v>34470</c:v>
                </c:pt>
                <c:pt idx="3448">
                  <c:v>34480</c:v>
                </c:pt>
                <c:pt idx="3449">
                  <c:v>34490</c:v>
                </c:pt>
                <c:pt idx="3450">
                  <c:v>34500</c:v>
                </c:pt>
                <c:pt idx="3451">
                  <c:v>34510</c:v>
                </c:pt>
                <c:pt idx="3452">
                  <c:v>34520</c:v>
                </c:pt>
                <c:pt idx="3453">
                  <c:v>34530</c:v>
                </c:pt>
                <c:pt idx="3454">
                  <c:v>34540</c:v>
                </c:pt>
                <c:pt idx="3455">
                  <c:v>34550</c:v>
                </c:pt>
                <c:pt idx="3456">
                  <c:v>34560</c:v>
                </c:pt>
                <c:pt idx="3457">
                  <c:v>34570</c:v>
                </c:pt>
                <c:pt idx="3458">
                  <c:v>34580</c:v>
                </c:pt>
                <c:pt idx="3459">
                  <c:v>34590</c:v>
                </c:pt>
                <c:pt idx="3460">
                  <c:v>34600</c:v>
                </c:pt>
                <c:pt idx="3461">
                  <c:v>34610</c:v>
                </c:pt>
                <c:pt idx="3462">
                  <c:v>34620</c:v>
                </c:pt>
                <c:pt idx="3463">
                  <c:v>34630</c:v>
                </c:pt>
                <c:pt idx="3464">
                  <c:v>34640</c:v>
                </c:pt>
                <c:pt idx="3465">
                  <c:v>34650</c:v>
                </c:pt>
                <c:pt idx="3466">
                  <c:v>34660</c:v>
                </c:pt>
                <c:pt idx="3467">
                  <c:v>34670</c:v>
                </c:pt>
                <c:pt idx="3468">
                  <c:v>34680</c:v>
                </c:pt>
                <c:pt idx="3469">
                  <c:v>34690</c:v>
                </c:pt>
                <c:pt idx="3470">
                  <c:v>34700</c:v>
                </c:pt>
                <c:pt idx="3471">
                  <c:v>34710</c:v>
                </c:pt>
                <c:pt idx="3472">
                  <c:v>34720</c:v>
                </c:pt>
                <c:pt idx="3473">
                  <c:v>34730</c:v>
                </c:pt>
                <c:pt idx="3474">
                  <c:v>34740</c:v>
                </c:pt>
                <c:pt idx="3475">
                  <c:v>34750</c:v>
                </c:pt>
                <c:pt idx="3476">
                  <c:v>34760</c:v>
                </c:pt>
                <c:pt idx="3477">
                  <c:v>34770</c:v>
                </c:pt>
                <c:pt idx="3478">
                  <c:v>34780</c:v>
                </c:pt>
                <c:pt idx="3479">
                  <c:v>34790</c:v>
                </c:pt>
                <c:pt idx="3480">
                  <c:v>34800</c:v>
                </c:pt>
                <c:pt idx="3481">
                  <c:v>34810</c:v>
                </c:pt>
                <c:pt idx="3482">
                  <c:v>34820</c:v>
                </c:pt>
                <c:pt idx="3483">
                  <c:v>34830</c:v>
                </c:pt>
                <c:pt idx="3484">
                  <c:v>34840</c:v>
                </c:pt>
                <c:pt idx="3485">
                  <c:v>34850</c:v>
                </c:pt>
                <c:pt idx="3486">
                  <c:v>34860</c:v>
                </c:pt>
                <c:pt idx="3487">
                  <c:v>34870</c:v>
                </c:pt>
                <c:pt idx="3488">
                  <c:v>34880</c:v>
                </c:pt>
                <c:pt idx="3489">
                  <c:v>34890</c:v>
                </c:pt>
                <c:pt idx="3490">
                  <c:v>34900</c:v>
                </c:pt>
                <c:pt idx="3491">
                  <c:v>34910</c:v>
                </c:pt>
                <c:pt idx="3492">
                  <c:v>34920</c:v>
                </c:pt>
                <c:pt idx="3493">
                  <c:v>34930</c:v>
                </c:pt>
                <c:pt idx="3494">
                  <c:v>34940</c:v>
                </c:pt>
                <c:pt idx="3495">
                  <c:v>34950</c:v>
                </c:pt>
                <c:pt idx="3496">
                  <c:v>34960</c:v>
                </c:pt>
                <c:pt idx="3497">
                  <c:v>34970</c:v>
                </c:pt>
                <c:pt idx="3498">
                  <c:v>34980</c:v>
                </c:pt>
                <c:pt idx="3499">
                  <c:v>34990</c:v>
                </c:pt>
                <c:pt idx="3500">
                  <c:v>35000</c:v>
                </c:pt>
                <c:pt idx="3501">
                  <c:v>35010</c:v>
                </c:pt>
                <c:pt idx="3502">
                  <c:v>35020</c:v>
                </c:pt>
                <c:pt idx="3503">
                  <c:v>35030</c:v>
                </c:pt>
                <c:pt idx="3504">
                  <c:v>35040</c:v>
                </c:pt>
                <c:pt idx="3505">
                  <c:v>35050</c:v>
                </c:pt>
                <c:pt idx="3506">
                  <c:v>35060</c:v>
                </c:pt>
                <c:pt idx="3507">
                  <c:v>35070</c:v>
                </c:pt>
                <c:pt idx="3508">
                  <c:v>35080</c:v>
                </c:pt>
                <c:pt idx="3509">
                  <c:v>35090</c:v>
                </c:pt>
                <c:pt idx="3510">
                  <c:v>35100</c:v>
                </c:pt>
                <c:pt idx="3511">
                  <c:v>35110</c:v>
                </c:pt>
                <c:pt idx="3512">
                  <c:v>35120</c:v>
                </c:pt>
                <c:pt idx="3513">
                  <c:v>35130</c:v>
                </c:pt>
                <c:pt idx="3514">
                  <c:v>35140</c:v>
                </c:pt>
                <c:pt idx="3515">
                  <c:v>35150</c:v>
                </c:pt>
                <c:pt idx="3516">
                  <c:v>35160</c:v>
                </c:pt>
                <c:pt idx="3517">
                  <c:v>35170</c:v>
                </c:pt>
                <c:pt idx="3518">
                  <c:v>35180</c:v>
                </c:pt>
                <c:pt idx="3519">
                  <c:v>35190</c:v>
                </c:pt>
                <c:pt idx="3520">
                  <c:v>35200</c:v>
                </c:pt>
                <c:pt idx="3521">
                  <c:v>35210</c:v>
                </c:pt>
                <c:pt idx="3522">
                  <c:v>35220</c:v>
                </c:pt>
                <c:pt idx="3523">
                  <c:v>35230</c:v>
                </c:pt>
                <c:pt idx="3524">
                  <c:v>35240</c:v>
                </c:pt>
                <c:pt idx="3525">
                  <c:v>35250</c:v>
                </c:pt>
                <c:pt idx="3526">
                  <c:v>35260</c:v>
                </c:pt>
                <c:pt idx="3527">
                  <c:v>35270</c:v>
                </c:pt>
                <c:pt idx="3528">
                  <c:v>35280</c:v>
                </c:pt>
                <c:pt idx="3529">
                  <c:v>35290</c:v>
                </c:pt>
                <c:pt idx="3530">
                  <c:v>35300</c:v>
                </c:pt>
                <c:pt idx="3531">
                  <c:v>35310</c:v>
                </c:pt>
                <c:pt idx="3532">
                  <c:v>35320</c:v>
                </c:pt>
                <c:pt idx="3533">
                  <c:v>35330</c:v>
                </c:pt>
                <c:pt idx="3534">
                  <c:v>35340</c:v>
                </c:pt>
                <c:pt idx="3535">
                  <c:v>35350</c:v>
                </c:pt>
                <c:pt idx="3536">
                  <c:v>35360</c:v>
                </c:pt>
                <c:pt idx="3537">
                  <c:v>35370</c:v>
                </c:pt>
                <c:pt idx="3538">
                  <c:v>35380</c:v>
                </c:pt>
                <c:pt idx="3539">
                  <c:v>35390</c:v>
                </c:pt>
                <c:pt idx="3540">
                  <c:v>35400</c:v>
                </c:pt>
                <c:pt idx="3541">
                  <c:v>35410</c:v>
                </c:pt>
                <c:pt idx="3542">
                  <c:v>35420</c:v>
                </c:pt>
                <c:pt idx="3543">
                  <c:v>35430</c:v>
                </c:pt>
                <c:pt idx="3544">
                  <c:v>35440</c:v>
                </c:pt>
                <c:pt idx="3545">
                  <c:v>35450</c:v>
                </c:pt>
                <c:pt idx="3546">
                  <c:v>35460</c:v>
                </c:pt>
                <c:pt idx="3547">
                  <c:v>35470</c:v>
                </c:pt>
                <c:pt idx="3548">
                  <c:v>35480</c:v>
                </c:pt>
                <c:pt idx="3549">
                  <c:v>35490</c:v>
                </c:pt>
                <c:pt idx="3550">
                  <c:v>35500</c:v>
                </c:pt>
                <c:pt idx="3551">
                  <c:v>35510</c:v>
                </c:pt>
                <c:pt idx="3552">
                  <c:v>35520</c:v>
                </c:pt>
                <c:pt idx="3553">
                  <c:v>35530</c:v>
                </c:pt>
                <c:pt idx="3554">
                  <c:v>35540</c:v>
                </c:pt>
                <c:pt idx="3555">
                  <c:v>35550</c:v>
                </c:pt>
                <c:pt idx="3556">
                  <c:v>35560</c:v>
                </c:pt>
                <c:pt idx="3557">
                  <c:v>35570</c:v>
                </c:pt>
                <c:pt idx="3558">
                  <c:v>35580</c:v>
                </c:pt>
                <c:pt idx="3559">
                  <c:v>35590</c:v>
                </c:pt>
                <c:pt idx="3560">
                  <c:v>35600</c:v>
                </c:pt>
                <c:pt idx="3561">
                  <c:v>35610</c:v>
                </c:pt>
                <c:pt idx="3562">
                  <c:v>35620</c:v>
                </c:pt>
                <c:pt idx="3563">
                  <c:v>35630</c:v>
                </c:pt>
                <c:pt idx="3564">
                  <c:v>35640</c:v>
                </c:pt>
                <c:pt idx="3565">
                  <c:v>35650</c:v>
                </c:pt>
                <c:pt idx="3566">
                  <c:v>35660</c:v>
                </c:pt>
                <c:pt idx="3567">
                  <c:v>35670</c:v>
                </c:pt>
                <c:pt idx="3568">
                  <c:v>35680</c:v>
                </c:pt>
                <c:pt idx="3569">
                  <c:v>35690</c:v>
                </c:pt>
                <c:pt idx="3570">
                  <c:v>35700</c:v>
                </c:pt>
                <c:pt idx="3571">
                  <c:v>35710</c:v>
                </c:pt>
                <c:pt idx="3572">
                  <c:v>35720</c:v>
                </c:pt>
                <c:pt idx="3573">
                  <c:v>35730</c:v>
                </c:pt>
                <c:pt idx="3574">
                  <c:v>35740</c:v>
                </c:pt>
                <c:pt idx="3575">
                  <c:v>35750</c:v>
                </c:pt>
                <c:pt idx="3576">
                  <c:v>35760</c:v>
                </c:pt>
                <c:pt idx="3577">
                  <c:v>35770</c:v>
                </c:pt>
                <c:pt idx="3578">
                  <c:v>35780</c:v>
                </c:pt>
                <c:pt idx="3579">
                  <c:v>35790</c:v>
                </c:pt>
                <c:pt idx="3580">
                  <c:v>35800</c:v>
                </c:pt>
                <c:pt idx="3581">
                  <c:v>35810</c:v>
                </c:pt>
                <c:pt idx="3582">
                  <c:v>35820</c:v>
                </c:pt>
                <c:pt idx="3583">
                  <c:v>35830</c:v>
                </c:pt>
                <c:pt idx="3584">
                  <c:v>35840</c:v>
                </c:pt>
                <c:pt idx="3585">
                  <c:v>35850</c:v>
                </c:pt>
                <c:pt idx="3586">
                  <c:v>35860</c:v>
                </c:pt>
                <c:pt idx="3587">
                  <c:v>35870</c:v>
                </c:pt>
                <c:pt idx="3588">
                  <c:v>35880</c:v>
                </c:pt>
                <c:pt idx="3589">
                  <c:v>35890</c:v>
                </c:pt>
                <c:pt idx="3590">
                  <c:v>35900</c:v>
                </c:pt>
                <c:pt idx="3591">
                  <c:v>35910</c:v>
                </c:pt>
                <c:pt idx="3592">
                  <c:v>35920</c:v>
                </c:pt>
                <c:pt idx="3593">
                  <c:v>35930</c:v>
                </c:pt>
                <c:pt idx="3594">
                  <c:v>35940</c:v>
                </c:pt>
                <c:pt idx="3595">
                  <c:v>35950</c:v>
                </c:pt>
                <c:pt idx="3596">
                  <c:v>35960</c:v>
                </c:pt>
                <c:pt idx="3597">
                  <c:v>35970</c:v>
                </c:pt>
                <c:pt idx="3598">
                  <c:v>35980</c:v>
                </c:pt>
                <c:pt idx="3599">
                  <c:v>35990</c:v>
                </c:pt>
                <c:pt idx="3600">
                  <c:v>36000</c:v>
                </c:pt>
                <c:pt idx="3601">
                  <c:v>36010</c:v>
                </c:pt>
                <c:pt idx="3602">
                  <c:v>36020</c:v>
                </c:pt>
                <c:pt idx="3603">
                  <c:v>36030</c:v>
                </c:pt>
                <c:pt idx="3604">
                  <c:v>36040</c:v>
                </c:pt>
                <c:pt idx="3605">
                  <c:v>36050</c:v>
                </c:pt>
                <c:pt idx="3606">
                  <c:v>36060</c:v>
                </c:pt>
                <c:pt idx="3607">
                  <c:v>36070</c:v>
                </c:pt>
                <c:pt idx="3608">
                  <c:v>36080</c:v>
                </c:pt>
                <c:pt idx="3609">
                  <c:v>36090</c:v>
                </c:pt>
                <c:pt idx="3610">
                  <c:v>36100</c:v>
                </c:pt>
                <c:pt idx="3611">
                  <c:v>36110</c:v>
                </c:pt>
                <c:pt idx="3612">
                  <c:v>36120</c:v>
                </c:pt>
                <c:pt idx="3613">
                  <c:v>36130</c:v>
                </c:pt>
                <c:pt idx="3614">
                  <c:v>36140</c:v>
                </c:pt>
                <c:pt idx="3615">
                  <c:v>36150</c:v>
                </c:pt>
                <c:pt idx="3616">
                  <c:v>36160</c:v>
                </c:pt>
                <c:pt idx="3617">
                  <c:v>36170</c:v>
                </c:pt>
                <c:pt idx="3618">
                  <c:v>36180</c:v>
                </c:pt>
                <c:pt idx="3619">
                  <c:v>36190</c:v>
                </c:pt>
                <c:pt idx="3620">
                  <c:v>36200</c:v>
                </c:pt>
                <c:pt idx="3621">
                  <c:v>36210</c:v>
                </c:pt>
                <c:pt idx="3622">
                  <c:v>36220</c:v>
                </c:pt>
                <c:pt idx="3623">
                  <c:v>36230</c:v>
                </c:pt>
                <c:pt idx="3624">
                  <c:v>36240</c:v>
                </c:pt>
                <c:pt idx="3625">
                  <c:v>36250</c:v>
                </c:pt>
                <c:pt idx="3626">
                  <c:v>36260</c:v>
                </c:pt>
                <c:pt idx="3627">
                  <c:v>36270</c:v>
                </c:pt>
                <c:pt idx="3628">
                  <c:v>36280</c:v>
                </c:pt>
                <c:pt idx="3629">
                  <c:v>36290</c:v>
                </c:pt>
                <c:pt idx="3630">
                  <c:v>36300</c:v>
                </c:pt>
                <c:pt idx="3631">
                  <c:v>36310</c:v>
                </c:pt>
                <c:pt idx="3632">
                  <c:v>36320</c:v>
                </c:pt>
                <c:pt idx="3633">
                  <c:v>36330</c:v>
                </c:pt>
                <c:pt idx="3634">
                  <c:v>36340</c:v>
                </c:pt>
                <c:pt idx="3635">
                  <c:v>36350</c:v>
                </c:pt>
                <c:pt idx="3636">
                  <c:v>36360</c:v>
                </c:pt>
                <c:pt idx="3637">
                  <c:v>36370</c:v>
                </c:pt>
                <c:pt idx="3638">
                  <c:v>36380</c:v>
                </c:pt>
                <c:pt idx="3639">
                  <c:v>36390</c:v>
                </c:pt>
                <c:pt idx="3640">
                  <c:v>36400</c:v>
                </c:pt>
                <c:pt idx="3641">
                  <c:v>36410</c:v>
                </c:pt>
                <c:pt idx="3642">
                  <c:v>36420</c:v>
                </c:pt>
                <c:pt idx="3643">
                  <c:v>36430</c:v>
                </c:pt>
                <c:pt idx="3644">
                  <c:v>36440</c:v>
                </c:pt>
                <c:pt idx="3645">
                  <c:v>36450</c:v>
                </c:pt>
                <c:pt idx="3646">
                  <c:v>36460</c:v>
                </c:pt>
                <c:pt idx="3647">
                  <c:v>36470</c:v>
                </c:pt>
                <c:pt idx="3648">
                  <c:v>36480</c:v>
                </c:pt>
                <c:pt idx="3649">
                  <c:v>36490</c:v>
                </c:pt>
                <c:pt idx="3650">
                  <c:v>36500</c:v>
                </c:pt>
                <c:pt idx="3651">
                  <c:v>36510</c:v>
                </c:pt>
                <c:pt idx="3652">
                  <c:v>36520</c:v>
                </c:pt>
                <c:pt idx="3653">
                  <c:v>36530</c:v>
                </c:pt>
                <c:pt idx="3654">
                  <c:v>36540</c:v>
                </c:pt>
                <c:pt idx="3655">
                  <c:v>36550</c:v>
                </c:pt>
                <c:pt idx="3656">
                  <c:v>36560</c:v>
                </c:pt>
                <c:pt idx="3657">
                  <c:v>36570</c:v>
                </c:pt>
                <c:pt idx="3658">
                  <c:v>36580</c:v>
                </c:pt>
                <c:pt idx="3659">
                  <c:v>36590</c:v>
                </c:pt>
                <c:pt idx="3660">
                  <c:v>36600</c:v>
                </c:pt>
                <c:pt idx="3661">
                  <c:v>36610</c:v>
                </c:pt>
                <c:pt idx="3662">
                  <c:v>36620</c:v>
                </c:pt>
                <c:pt idx="3663">
                  <c:v>36630</c:v>
                </c:pt>
                <c:pt idx="3664">
                  <c:v>36640</c:v>
                </c:pt>
                <c:pt idx="3665">
                  <c:v>36650</c:v>
                </c:pt>
                <c:pt idx="3666">
                  <c:v>36660</c:v>
                </c:pt>
                <c:pt idx="3667">
                  <c:v>36670</c:v>
                </c:pt>
                <c:pt idx="3668">
                  <c:v>36680</c:v>
                </c:pt>
                <c:pt idx="3669">
                  <c:v>36690</c:v>
                </c:pt>
                <c:pt idx="3670">
                  <c:v>36700</c:v>
                </c:pt>
                <c:pt idx="3671">
                  <c:v>36710</c:v>
                </c:pt>
                <c:pt idx="3672">
                  <c:v>36720</c:v>
                </c:pt>
                <c:pt idx="3673">
                  <c:v>36730</c:v>
                </c:pt>
                <c:pt idx="3674">
                  <c:v>36740</c:v>
                </c:pt>
                <c:pt idx="3675">
                  <c:v>36750</c:v>
                </c:pt>
                <c:pt idx="3676">
                  <c:v>36760</c:v>
                </c:pt>
                <c:pt idx="3677">
                  <c:v>36770</c:v>
                </c:pt>
                <c:pt idx="3678">
                  <c:v>36780</c:v>
                </c:pt>
                <c:pt idx="3679">
                  <c:v>36790</c:v>
                </c:pt>
                <c:pt idx="3680">
                  <c:v>36800</c:v>
                </c:pt>
                <c:pt idx="3681">
                  <c:v>36810</c:v>
                </c:pt>
                <c:pt idx="3682">
                  <c:v>36820</c:v>
                </c:pt>
                <c:pt idx="3683">
                  <c:v>36830</c:v>
                </c:pt>
                <c:pt idx="3684">
                  <c:v>36840</c:v>
                </c:pt>
                <c:pt idx="3685">
                  <c:v>36850</c:v>
                </c:pt>
                <c:pt idx="3686">
                  <c:v>36860</c:v>
                </c:pt>
                <c:pt idx="3687">
                  <c:v>36870</c:v>
                </c:pt>
                <c:pt idx="3688">
                  <c:v>36880</c:v>
                </c:pt>
                <c:pt idx="3689">
                  <c:v>36890</c:v>
                </c:pt>
                <c:pt idx="3690">
                  <c:v>36900</c:v>
                </c:pt>
                <c:pt idx="3691">
                  <c:v>36910</c:v>
                </c:pt>
                <c:pt idx="3692">
                  <c:v>36920</c:v>
                </c:pt>
                <c:pt idx="3693">
                  <c:v>36930</c:v>
                </c:pt>
                <c:pt idx="3694">
                  <c:v>36940</c:v>
                </c:pt>
                <c:pt idx="3695">
                  <c:v>36950</c:v>
                </c:pt>
                <c:pt idx="3696">
                  <c:v>36960</c:v>
                </c:pt>
                <c:pt idx="3697">
                  <c:v>36970</c:v>
                </c:pt>
                <c:pt idx="3698">
                  <c:v>36980</c:v>
                </c:pt>
                <c:pt idx="3699">
                  <c:v>36990</c:v>
                </c:pt>
                <c:pt idx="3700">
                  <c:v>37000</c:v>
                </c:pt>
                <c:pt idx="3701">
                  <c:v>37010</c:v>
                </c:pt>
                <c:pt idx="3702">
                  <c:v>37020</c:v>
                </c:pt>
                <c:pt idx="3703">
                  <c:v>37030</c:v>
                </c:pt>
                <c:pt idx="3704">
                  <c:v>37040</c:v>
                </c:pt>
                <c:pt idx="3705">
                  <c:v>37050</c:v>
                </c:pt>
                <c:pt idx="3706">
                  <c:v>37060</c:v>
                </c:pt>
                <c:pt idx="3707">
                  <c:v>37070</c:v>
                </c:pt>
                <c:pt idx="3708">
                  <c:v>37080</c:v>
                </c:pt>
                <c:pt idx="3709">
                  <c:v>37090</c:v>
                </c:pt>
                <c:pt idx="3710">
                  <c:v>37100</c:v>
                </c:pt>
                <c:pt idx="3711">
                  <c:v>37110</c:v>
                </c:pt>
                <c:pt idx="3712">
                  <c:v>37120</c:v>
                </c:pt>
                <c:pt idx="3713">
                  <c:v>37130</c:v>
                </c:pt>
                <c:pt idx="3714">
                  <c:v>37140</c:v>
                </c:pt>
                <c:pt idx="3715">
                  <c:v>37150</c:v>
                </c:pt>
                <c:pt idx="3716">
                  <c:v>37160</c:v>
                </c:pt>
                <c:pt idx="3717">
                  <c:v>37170</c:v>
                </c:pt>
                <c:pt idx="3718">
                  <c:v>37180</c:v>
                </c:pt>
                <c:pt idx="3719">
                  <c:v>37190</c:v>
                </c:pt>
                <c:pt idx="3720">
                  <c:v>37200</c:v>
                </c:pt>
                <c:pt idx="3721">
                  <c:v>37210</c:v>
                </c:pt>
                <c:pt idx="3722">
                  <c:v>37220</c:v>
                </c:pt>
                <c:pt idx="3723">
                  <c:v>37230</c:v>
                </c:pt>
                <c:pt idx="3724">
                  <c:v>37240</c:v>
                </c:pt>
                <c:pt idx="3725">
                  <c:v>37250</c:v>
                </c:pt>
                <c:pt idx="3726">
                  <c:v>37260</c:v>
                </c:pt>
                <c:pt idx="3727">
                  <c:v>37270</c:v>
                </c:pt>
                <c:pt idx="3728">
                  <c:v>37280</c:v>
                </c:pt>
                <c:pt idx="3729">
                  <c:v>37290</c:v>
                </c:pt>
                <c:pt idx="3730">
                  <c:v>37300</c:v>
                </c:pt>
                <c:pt idx="3731">
                  <c:v>37310</c:v>
                </c:pt>
                <c:pt idx="3732">
                  <c:v>37320</c:v>
                </c:pt>
                <c:pt idx="3733">
                  <c:v>37330</c:v>
                </c:pt>
                <c:pt idx="3734">
                  <c:v>37340</c:v>
                </c:pt>
                <c:pt idx="3735">
                  <c:v>37350</c:v>
                </c:pt>
                <c:pt idx="3736">
                  <c:v>37360</c:v>
                </c:pt>
                <c:pt idx="3737">
                  <c:v>37370</c:v>
                </c:pt>
                <c:pt idx="3738">
                  <c:v>37380</c:v>
                </c:pt>
                <c:pt idx="3739">
                  <c:v>37390</c:v>
                </c:pt>
                <c:pt idx="3740">
                  <c:v>37400</c:v>
                </c:pt>
                <c:pt idx="3741">
                  <c:v>37410</c:v>
                </c:pt>
                <c:pt idx="3742">
                  <c:v>37420</c:v>
                </c:pt>
                <c:pt idx="3743">
                  <c:v>37430</c:v>
                </c:pt>
                <c:pt idx="3744">
                  <c:v>37440</c:v>
                </c:pt>
                <c:pt idx="3745">
                  <c:v>37450</c:v>
                </c:pt>
                <c:pt idx="3746">
                  <c:v>37460</c:v>
                </c:pt>
                <c:pt idx="3747">
                  <c:v>37470</c:v>
                </c:pt>
                <c:pt idx="3748">
                  <c:v>37480</c:v>
                </c:pt>
                <c:pt idx="3749">
                  <c:v>37490</c:v>
                </c:pt>
                <c:pt idx="3750">
                  <c:v>37500</c:v>
                </c:pt>
                <c:pt idx="3751">
                  <c:v>37510</c:v>
                </c:pt>
                <c:pt idx="3752">
                  <c:v>37520</c:v>
                </c:pt>
                <c:pt idx="3753">
                  <c:v>37530</c:v>
                </c:pt>
                <c:pt idx="3754">
                  <c:v>37540</c:v>
                </c:pt>
                <c:pt idx="3755">
                  <c:v>37550</c:v>
                </c:pt>
                <c:pt idx="3756">
                  <c:v>37560</c:v>
                </c:pt>
                <c:pt idx="3757">
                  <c:v>37570</c:v>
                </c:pt>
                <c:pt idx="3758">
                  <c:v>37580</c:v>
                </c:pt>
                <c:pt idx="3759">
                  <c:v>37590</c:v>
                </c:pt>
                <c:pt idx="3760">
                  <c:v>37600</c:v>
                </c:pt>
                <c:pt idx="3761">
                  <c:v>37610</c:v>
                </c:pt>
                <c:pt idx="3762">
                  <c:v>37620</c:v>
                </c:pt>
                <c:pt idx="3763">
                  <c:v>37630</c:v>
                </c:pt>
                <c:pt idx="3764">
                  <c:v>37640</c:v>
                </c:pt>
                <c:pt idx="3765">
                  <c:v>37650</c:v>
                </c:pt>
                <c:pt idx="3766">
                  <c:v>37660</c:v>
                </c:pt>
                <c:pt idx="3767">
                  <c:v>37670</c:v>
                </c:pt>
                <c:pt idx="3768">
                  <c:v>37680</c:v>
                </c:pt>
                <c:pt idx="3769">
                  <c:v>37690</c:v>
                </c:pt>
                <c:pt idx="3770">
                  <c:v>37700</c:v>
                </c:pt>
                <c:pt idx="3771">
                  <c:v>37710</c:v>
                </c:pt>
                <c:pt idx="3772">
                  <c:v>37720</c:v>
                </c:pt>
                <c:pt idx="3773">
                  <c:v>37730</c:v>
                </c:pt>
                <c:pt idx="3774">
                  <c:v>37740</c:v>
                </c:pt>
                <c:pt idx="3775">
                  <c:v>37750</c:v>
                </c:pt>
                <c:pt idx="3776">
                  <c:v>37760</c:v>
                </c:pt>
                <c:pt idx="3777">
                  <c:v>37770</c:v>
                </c:pt>
                <c:pt idx="3778">
                  <c:v>37780</c:v>
                </c:pt>
                <c:pt idx="3779">
                  <c:v>37790</c:v>
                </c:pt>
                <c:pt idx="3780">
                  <c:v>37800</c:v>
                </c:pt>
                <c:pt idx="3781">
                  <c:v>37810</c:v>
                </c:pt>
                <c:pt idx="3782">
                  <c:v>37820</c:v>
                </c:pt>
                <c:pt idx="3783">
                  <c:v>37830</c:v>
                </c:pt>
                <c:pt idx="3784">
                  <c:v>37840</c:v>
                </c:pt>
                <c:pt idx="3785">
                  <c:v>37850</c:v>
                </c:pt>
                <c:pt idx="3786">
                  <c:v>37860</c:v>
                </c:pt>
                <c:pt idx="3787">
                  <c:v>37870</c:v>
                </c:pt>
                <c:pt idx="3788">
                  <c:v>37880</c:v>
                </c:pt>
                <c:pt idx="3789">
                  <c:v>37890</c:v>
                </c:pt>
                <c:pt idx="3790">
                  <c:v>37900</c:v>
                </c:pt>
                <c:pt idx="3791">
                  <c:v>37910</c:v>
                </c:pt>
                <c:pt idx="3792">
                  <c:v>37920</c:v>
                </c:pt>
                <c:pt idx="3793">
                  <c:v>37930</c:v>
                </c:pt>
                <c:pt idx="3794">
                  <c:v>37940</c:v>
                </c:pt>
                <c:pt idx="3795">
                  <c:v>37950</c:v>
                </c:pt>
                <c:pt idx="3796">
                  <c:v>37960</c:v>
                </c:pt>
                <c:pt idx="3797">
                  <c:v>37970</c:v>
                </c:pt>
                <c:pt idx="3798">
                  <c:v>37980</c:v>
                </c:pt>
                <c:pt idx="3799">
                  <c:v>37990</c:v>
                </c:pt>
                <c:pt idx="3800">
                  <c:v>38000</c:v>
                </c:pt>
                <c:pt idx="3801">
                  <c:v>38010</c:v>
                </c:pt>
                <c:pt idx="3802">
                  <c:v>38020</c:v>
                </c:pt>
                <c:pt idx="3803">
                  <c:v>38030</c:v>
                </c:pt>
                <c:pt idx="3804">
                  <c:v>38040</c:v>
                </c:pt>
                <c:pt idx="3805">
                  <c:v>38050</c:v>
                </c:pt>
                <c:pt idx="3806">
                  <c:v>38060</c:v>
                </c:pt>
                <c:pt idx="3807">
                  <c:v>38070</c:v>
                </c:pt>
                <c:pt idx="3808">
                  <c:v>38080</c:v>
                </c:pt>
                <c:pt idx="3809">
                  <c:v>38090</c:v>
                </c:pt>
                <c:pt idx="3810">
                  <c:v>38100</c:v>
                </c:pt>
                <c:pt idx="3811">
                  <c:v>38110</c:v>
                </c:pt>
                <c:pt idx="3812">
                  <c:v>38120</c:v>
                </c:pt>
                <c:pt idx="3813">
                  <c:v>38130</c:v>
                </c:pt>
                <c:pt idx="3814">
                  <c:v>38140</c:v>
                </c:pt>
                <c:pt idx="3815">
                  <c:v>38150</c:v>
                </c:pt>
                <c:pt idx="3816">
                  <c:v>38160</c:v>
                </c:pt>
                <c:pt idx="3817">
                  <c:v>38170</c:v>
                </c:pt>
                <c:pt idx="3818">
                  <c:v>38180</c:v>
                </c:pt>
                <c:pt idx="3819">
                  <c:v>38190</c:v>
                </c:pt>
                <c:pt idx="3820">
                  <c:v>38200</c:v>
                </c:pt>
                <c:pt idx="3821">
                  <c:v>38210</c:v>
                </c:pt>
                <c:pt idx="3822">
                  <c:v>38220</c:v>
                </c:pt>
                <c:pt idx="3823">
                  <c:v>38230</c:v>
                </c:pt>
                <c:pt idx="3824">
                  <c:v>38240</c:v>
                </c:pt>
                <c:pt idx="3825">
                  <c:v>38250</c:v>
                </c:pt>
                <c:pt idx="3826">
                  <c:v>38260</c:v>
                </c:pt>
                <c:pt idx="3827">
                  <c:v>38270</c:v>
                </c:pt>
                <c:pt idx="3828">
                  <c:v>38280</c:v>
                </c:pt>
                <c:pt idx="3829">
                  <c:v>38290</c:v>
                </c:pt>
                <c:pt idx="3830">
                  <c:v>38300</c:v>
                </c:pt>
                <c:pt idx="3831">
                  <c:v>38310</c:v>
                </c:pt>
                <c:pt idx="3832">
                  <c:v>38320</c:v>
                </c:pt>
                <c:pt idx="3833">
                  <c:v>38330</c:v>
                </c:pt>
                <c:pt idx="3834">
                  <c:v>38340</c:v>
                </c:pt>
                <c:pt idx="3835">
                  <c:v>38350</c:v>
                </c:pt>
                <c:pt idx="3836">
                  <c:v>38360</c:v>
                </c:pt>
                <c:pt idx="3837">
                  <c:v>38370</c:v>
                </c:pt>
                <c:pt idx="3838">
                  <c:v>38380</c:v>
                </c:pt>
                <c:pt idx="3839">
                  <c:v>38390</c:v>
                </c:pt>
                <c:pt idx="3840">
                  <c:v>38400</c:v>
                </c:pt>
                <c:pt idx="3841">
                  <c:v>38410</c:v>
                </c:pt>
                <c:pt idx="3842">
                  <c:v>38420</c:v>
                </c:pt>
                <c:pt idx="3843">
                  <c:v>38430</c:v>
                </c:pt>
                <c:pt idx="3844">
                  <c:v>38440</c:v>
                </c:pt>
                <c:pt idx="3845">
                  <c:v>38450</c:v>
                </c:pt>
                <c:pt idx="3846">
                  <c:v>38460</c:v>
                </c:pt>
                <c:pt idx="3847">
                  <c:v>38470</c:v>
                </c:pt>
                <c:pt idx="3848">
                  <c:v>38480</c:v>
                </c:pt>
                <c:pt idx="3849">
                  <c:v>38490</c:v>
                </c:pt>
                <c:pt idx="3850">
                  <c:v>38500</c:v>
                </c:pt>
                <c:pt idx="3851">
                  <c:v>38510</c:v>
                </c:pt>
                <c:pt idx="3852">
                  <c:v>38520</c:v>
                </c:pt>
                <c:pt idx="3853">
                  <c:v>38530</c:v>
                </c:pt>
                <c:pt idx="3854">
                  <c:v>38540</c:v>
                </c:pt>
                <c:pt idx="3855">
                  <c:v>38550</c:v>
                </c:pt>
                <c:pt idx="3856">
                  <c:v>38560</c:v>
                </c:pt>
                <c:pt idx="3857">
                  <c:v>38570</c:v>
                </c:pt>
                <c:pt idx="3858">
                  <c:v>38580</c:v>
                </c:pt>
                <c:pt idx="3859">
                  <c:v>38590</c:v>
                </c:pt>
                <c:pt idx="3860">
                  <c:v>38600</c:v>
                </c:pt>
                <c:pt idx="3861">
                  <c:v>38610</c:v>
                </c:pt>
                <c:pt idx="3862">
                  <c:v>38620</c:v>
                </c:pt>
                <c:pt idx="3863">
                  <c:v>38630</c:v>
                </c:pt>
                <c:pt idx="3864">
                  <c:v>38640</c:v>
                </c:pt>
                <c:pt idx="3865">
                  <c:v>38650</c:v>
                </c:pt>
                <c:pt idx="3866">
                  <c:v>38660</c:v>
                </c:pt>
                <c:pt idx="3867">
                  <c:v>38670</c:v>
                </c:pt>
                <c:pt idx="3868">
                  <c:v>38680</c:v>
                </c:pt>
                <c:pt idx="3869">
                  <c:v>38690</c:v>
                </c:pt>
                <c:pt idx="3870">
                  <c:v>38700</c:v>
                </c:pt>
                <c:pt idx="3871">
                  <c:v>38710</c:v>
                </c:pt>
                <c:pt idx="3872">
                  <c:v>38720</c:v>
                </c:pt>
                <c:pt idx="3873">
                  <c:v>38730</c:v>
                </c:pt>
                <c:pt idx="3874">
                  <c:v>38740</c:v>
                </c:pt>
                <c:pt idx="3875">
                  <c:v>38750</c:v>
                </c:pt>
                <c:pt idx="3876">
                  <c:v>38760</c:v>
                </c:pt>
                <c:pt idx="3877">
                  <c:v>38770</c:v>
                </c:pt>
                <c:pt idx="3878">
                  <c:v>38780</c:v>
                </c:pt>
                <c:pt idx="3879">
                  <c:v>38790</c:v>
                </c:pt>
                <c:pt idx="3880">
                  <c:v>38800</c:v>
                </c:pt>
                <c:pt idx="3881">
                  <c:v>38810</c:v>
                </c:pt>
                <c:pt idx="3882">
                  <c:v>38820</c:v>
                </c:pt>
                <c:pt idx="3883">
                  <c:v>38830</c:v>
                </c:pt>
                <c:pt idx="3884">
                  <c:v>38840</c:v>
                </c:pt>
                <c:pt idx="3885">
                  <c:v>38850</c:v>
                </c:pt>
                <c:pt idx="3886">
                  <c:v>38860</c:v>
                </c:pt>
                <c:pt idx="3887">
                  <c:v>38870</c:v>
                </c:pt>
                <c:pt idx="3888">
                  <c:v>38880</c:v>
                </c:pt>
                <c:pt idx="3889">
                  <c:v>38890</c:v>
                </c:pt>
                <c:pt idx="3890">
                  <c:v>38900</c:v>
                </c:pt>
                <c:pt idx="3891">
                  <c:v>38910</c:v>
                </c:pt>
                <c:pt idx="3892">
                  <c:v>38920</c:v>
                </c:pt>
                <c:pt idx="3893">
                  <c:v>38930</c:v>
                </c:pt>
                <c:pt idx="3894">
                  <c:v>38940</c:v>
                </c:pt>
                <c:pt idx="3895">
                  <c:v>38950</c:v>
                </c:pt>
                <c:pt idx="3896">
                  <c:v>38960</c:v>
                </c:pt>
                <c:pt idx="3897">
                  <c:v>38970</c:v>
                </c:pt>
                <c:pt idx="3898">
                  <c:v>38980</c:v>
                </c:pt>
                <c:pt idx="3899">
                  <c:v>38990</c:v>
                </c:pt>
                <c:pt idx="3900">
                  <c:v>39000</c:v>
                </c:pt>
                <c:pt idx="3901">
                  <c:v>39010</c:v>
                </c:pt>
                <c:pt idx="3902">
                  <c:v>39020</c:v>
                </c:pt>
                <c:pt idx="3903">
                  <c:v>39030</c:v>
                </c:pt>
                <c:pt idx="3904">
                  <c:v>39040</c:v>
                </c:pt>
                <c:pt idx="3905">
                  <c:v>39050</c:v>
                </c:pt>
                <c:pt idx="3906">
                  <c:v>39060</c:v>
                </c:pt>
                <c:pt idx="3907">
                  <c:v>39070</c:v>
                </c:pt>
                <c:pt idx="3908">
                  <c:v>39080</c:v>
                </c:pt>
                <c:pt idx="3909">
                  <c:v>39090</c:v>
                </c:pt>
                <c:pt idx="3910">
                  <c:v>39100</c:v>
                </c:pt>
                <c:pt idx="3911">
                  <c:v>39110</c:v>
                </c:pt>
                <c:pt idx="3912">
                  <c:v>39120</c:v>
                </c:pt>
                <c:pt idx="3913">
                  <c:v>39130</c:v>
                </c:pt>
                <c:pt idx="3914">
                  <c:v>39140</c:v>
                </c:pt>
                <c:pt idx="3915">
                  <c:v>39150</c:v>
                </c:pt>
                <c:pt idx="3916">
                  <c:v>39160</c:v>
                </c:pt>
                <c:pt idx="3917">
                  <c:v>39170</c:v>
                </c:pt>
                <c:pt idx="3918">
                  <c:v>39180</c:v>
                </c:pt>
                <c:pt idx="3919">
                  <c:v>39190</c:v>
                </c:pt>
                <c:pt idx="3920">
                  <c:v>39200</c:v>
                </c:pt>
                <c:pt idx="3921">
                  <c:v>39210</c:v>
                </c:pt>
                <c:pt idx="3922">
                  <c:v>39220</c:v>
                </c:pt>
                <c:pt idx="3923">
                  <c:v>39230</c:v>
                </c:pt>
                <c:pt idx="3924">
                  <c:v>39240</c:v>
                </c:pt>
                <c:pt idx="3925">
                  <c:v>39250</c:v>
                </c:pt>
                <c:pt idx="3926">
                  <c:v>39260</c:v>
                </c:pt>
                <c:pt idx="3927">
                  <c:v>39270</c:v>
                </c:pt>
                <c:pt idx="3928">
                  <c:v>39280</c:v>
                </c:pt>
                <c:pt idx="3929">
                  <c:v>39290</c:v>
                </c:pt>
                <c:pt idx="3930">
                  <c:v>39300</c:v>
                </c:pt>
                <c:pt idx="3931">
                  <c:v>39310</c:v>
                </c:pt>
                <c:pt idx="3932">
                  <c:v>39320</c:v>
                </c:pt>
                <c:pt idx="3933">
                  <c:v>39330</c:v>
                </c:pt>
                <c:pt idx="3934">
                  <c:v>39340</c:v>
                </c:pt>
                <c:pt idx="3935">
                  <c:v>39350</c:v>
                </c:pt>
                <c:pt idx="3936">
                  <c:v>39360</c:v>
                </c:pt>
                <c:pt idx="3937">
                  <c:v>39370</c:v>
                </c:pt>
                <c:pt idx="3938">
                  <c:v>39380</c:v>
                </c:pt>
                <c:pt idx="3939">
                  <c:v>39390</c:v>
                </c:pt>
                <c:pt idx="3940">
                  <c:v>39400</c:v>
                </c:pt>
                <c:pt idx="3941">
                  <c:v>39410</c:v>
                </c:pt>
                <c:pt idx="3942">
                  <c:v>39420</c:v>
                </c:pt>
                <c:pt idx="3943">
                  <c:v>39430</c:v>
                </c:pt>
                <c:pt idx="3944">
                  <c:v>39440</c:v>
                </c:pt>
                <c:pt idx="3945">
                  <c:v>39450</c:v>
                </c:pt>
                <c:pt idx="3946">
                  <c:v>39460</c:v>
                </c:pt>
                <c:pt idx="3947">
                  <c:v>39470</c:v>
                </c:pt>
                <c:pt idx="3948">
                  <c:v>39480</c:v>
                </c:pt>
                <c:pt idx="3949">
                  <c:v>39490</c:v>
                </c:pt>
                <c:pt idx="3950">
                  <c:v>39500</c:v>
                </c:pt>
                <c:pt idx="3951">
                  <c:v>39510</c:v>
                </c:pt>
                <c:pt idx="3952">
                  <c:v>39520</c:v>
                </c:pt>
                <c:pt idx="3953">
                  <c:v>39530</c:v>
                </c:pt>
                <c:pt idx="3954">
                  <c:v>39540</c:v>
                </c:pt>
                <c:pt idx="3955">
                  <c:v>39550</c:v>
                </c:pt>
                <c:pt idx="3956">
                  <c:v>39560</c:v>
                </c:pt>
                <c:pt idx="3957">
                  <c:v>39570</c:v>
                </c:pt>
                <c:pt idx="3958">
                  <c:v>39580</c:v>
                </c:pt>
                <c:pt idx="3959">
                  <c:v>39590</c:v>
                </c:pt>
                <c:pt idx="3960">
                  <c:v>39600</c:v>
                </c:pt>
                <c:pt idx="3961">
                  <c:v>39610</c:v>
                </c:pt>
                <c:pt idx="3962">
                  <c:v>39620</c:v>
                </c:pt>
                <c:pt idx="3963">
                  <c:v>39630</c:v>
                </c:pt>
                <c:pt idx="3964">
                  <c:v>39640</c:v>
                </c:pt>
                <c:pt idx="3965">
                  <c:v>39650</c:v>
                </c:pt>
                <c:pt idx="3966">
                  <c:v>39660</c:v>
                </c:pt>
                <c:pt idx="3967">
                  <c:v>39670</c:v>
                </c:pt>
                <c:pt idx="3968">
                  <c:v>39680</c:v>
                </c:pt>
                <c:pt idx="3969">
                  <c:v>39690</c:v>
                </c:pt>
                <c:pt idx="3970">
                  <c:v>39700</c:v>
                </c:pt>
                <c:pt idx="3971">
                  <c:v>39710</c:v>
                </c:pt>
                <c:pt idx="3972">
                  <c:v>39720</c:v>
                </c:pt>
                <c:pt idx="3973">
                  <c:v>39730</c:v>
                </c:pt>
                <c:pt idx="3974">
                  <c:v>39740</c:v>
                </c:pt>
                <c:pt idx="3975">
                  <c:v>39750</c:v>
                </c:pt>
                <c:pt idx="3976">
                  <c:v>39760</c:v>
                </c:pt>
                <c:pt idx="3977">
                  <c:v>39770</c:v>
                </c:pt>
                <c:pt idx="3978">
                  <c:v>39780</c:v>
                </c:pt>
                <c:pt idx="3979">
                  <c:v>39790</c:v>
                </c:pt>
                <c:pt idx="3980">
                  <c:v>39800</c:v>
                </c:pt>
                <c:pt idx="3981">
                  <c:v>39810</c:v>
                </c:pt>
                <c:pt idx="3982">
                  <c:v>39820</c:v>
                </c:pt>
                <c:pt idx="3983">
                  <c:v>39830</c:v>
                </c:pt>
                <c:pt idx="3984">
                  <c:v>39840</c:v>
                </c:pt>
                <c:pt idx="3985">
                  <c:v>39850</c:v>
                </c:pt>
                <c:pt idx="3986">
                  <c:v>39860</c:v>
                </c:pt>
                <c:pt idx="3987">
                  <c:v>39870</c:v>
                </c:pt>
                <c:pt idx="3988">
                  <c:v>39880</c:v>
                </c:pt>
                <c:pt idx="3989">
                  <c:v>39890</c:v>
                </c:pt>
                <c:pt idx="3990">
                  <c:v>39900</c:v>
                </c:pt>
                <c:pt idx="3991">
                  <c:v>39910</c:v>
                </c:pt>
                <c:pt idx="3992">
                  <c:v>39920</c:v>
                </c:pt>
                <c:pt idx="3993">
                  <c:v>39930</c:v>
                </c:pt>
                <c:pt idx="3994">
                  <c:v>39940</c:v>
                </c:pt>
                <c:pt idx="3995">
                  <c:v>39950</c:v>
                </c:pt>
                <c:pt idx="3996">
                  <c:v>39960</c:v>
                </c:pt>
                <c:pt idx="3997">
                  <c:v>39970</c:v>
                </c:pt>
                <c:pt idx="3998">
                  <c:v>39980</c:v>
                </c:pt>
                <c:pt idx="3999">
                  <c:v>39990</c:v>
                </c:pt>
                <c:pt idx="4000">
                  <c:v>40000</c:v>
                </c:pt>
                <c:pt idx="4001">
                  <c:v>40010</c:v>
                </c:pt>
                <c:pt idx="4002">
                  <c:v>40020</c:v>
                </c:pt>
                <c:pt idx="4003">
                  <c:v>40030</c:v>
                </c:pt>
                <c:pt idx="4004">
                  <c:v>40040</c:v>
                </c:pt>
                <c:pt idx="4005">
                  <c:v>40050</c:v>
                </c:pt>
                <c:pt idx="4006">
                  <c:v>40060</c:v>
                </c:pt>
                <c:pt idx="4007">
                  <c:v>40070</c:v>
                </c:pt>
                <c:pt idx="4008">
                  <c:v>40080</c:v>
                </c:pt>
                <c:pt idx="4009">
                  <c:v>40090</c:v>
                </c:pt>
                <c:pt idx="4010">
                  <c:v>40100</c:v>
                </c:pt>
                <c:pt idx="4011">
                  <c:v>40110</c:v>
                </c:pt>
                <c:pt idx="4012">
                  <c:v>40120</c:v>
                </c:pt>
                <c:pt idx="4013">
                  <c:v>40130</c:v>
                </c:pt>
                <c:pt idx="4014">
                  <c:v>40140</c:v>
                </c:pt>
                <c:pt idx="4015">
                  <c:v>40150</c:v>
                </c:pt>
                <c:pt idx="4016">
                  <c:v>40160</c:v>
                </c:pt>
                <c:pt idx="4017">
                  <c:v>40170</c:v>
                </c:pt>
                <c:pt idx="4018">
                  <c:v>40180</c:v>
                </c:pt>
                <c:pt idx="4019">
                  <c:v>40190</c:v>
                </c:pt>
                <c:pt idx="4020">
                  <c:v>40200</c:v>
                </c:pt>
                <c:pt idx="4021">
                  <c:v>40210</c:v>
                </c:pt>
                <c:pt idx="4022">
                  <c:v>40220</c:v>
                </c:pt>
                <c:pt idx="4023">
                  <c:v>40230</c:v>
                </c:pt>
                <c:pt idx="4024">
                  <c:v>40240</c:v>
                </c:pt>
                <c:pt idx="4025">
                  <c:v>40250</c:v>
                </c:pt>
                <c:pt idx="4026">
                  <c:v>40260</c:v>
                </c:pt>
                <c:pt idx="4027">
                  <c:v>40270</c:v>
                </c:pt>
                <c:pt idx="4028">
                  <c:v>40280</c:v>
                </c:pt>
                <c:pt idx="4029">
                  <c:v>40290</c:v>
                </c:pt>
                <c:pt idx="4030">
                  <c:v>40300</c:v>
                </c:pt>
                <c:pt idx="4031">
                  <c:v>40310</c:v>
                </c:pt>
                <c:pt idx="4032">
                  <c:v>40320</c:v>
                </c:pt>
                <c:pt idx="4033">
                  <c:v>40330</c:v>
                </c:pt>
                <c:pt idx="4034">
                  <c:v>40340</c:v>
                </c:pt>
                <c:pt idx="4035">
                  <c:v>40350</c:v>
                </c:pt>
                <c:pt idx="4036">
                  <c:v>40360</c:v>
                </c:pt>
                <c:pt idx="4037">
                  <c:v>40370</c:v>
                </c:pt>
                <c:pt idx="4038">
                  <c:v>40380</c:v>
                </c:pt>
                <c:pt idx="4039">
                  <c:v>40390</c:v>
                </c:pt>
                <c:pt idx="4040">
                  <c:v>40400</c:v>
                </c:pt>
                <c:pt idx="4041">
                  <c:v>40410</c:v>
                </c:pt>
                <c:pt idx="4042">
                  <c:v>40420</c:v>
                </c:pt>
                <c:pt idx="4043">
                  <c:v>40430</c:v>
                </c:pt>
                <c:pt idx="4044">
                  <c:v>40440</c:v>
                </c:pt>
                <c:pt idx="4045">
                  <c:v>40450</c:v>
                </c:pt>
                <c:pt idx="4046">
                  <c:v>40460</c:v>
                </c:pt>
                <c:pt idx="4047">
                  <c:v>40470</c:v>
                </c:pt>
                <c:pt idx="4048">
                  <c:v>40480</c:v>
                </c:pt>
                <c:pt idx="4049">
                  <c:v>40490</c:v>
                </c:pt>
                <c:pt idx="4050">
                  <c:v>40500</c:v>
                </c:pt>
                <c:pt idx="4051">
                  <c:v>40510</c:v>
                </c:pt>
                <c:pt idx="4052">
                  <c:v>40520</c:v>
                </c:pt>
                <c:pt idx="4053">
                  <c:v>40530</c:v>
                </c:pt>
                <c:pt idx="4054">
                  <c:v>40540</c:v>
                </c:pt>
                <c:pt idx="4055">
                  <c:v>40550</c:v>
                </c:pt>
                <c:pt idx="4056">
                  <c:v>40560</c:v>
                </c:pt>
                <c:pt idx="4057">
                  <c:v>40570</c:v>
                </c:pt>
                <c:pt idx="4058">
                  <c:v>40580</c:v>
                </c:pt>
                <c:pt idx="4059">
                  <c:v>40590</c:v>
                </c:pt>
                <c:pt idx="4060">
                  <c:v>40600</c:v>
                </c:pt>
                <c:pt idx="4061">
                  <c:v>40610</c:v>
                </c:pt>
                <c:pt idx="4062">
                  <c:v>40620</c:v>
                </c:pt>
                <c:pt idx="4063">
                  <c:v>40630</c:v>
                </c:pt>
                <c:pt idx="4064">
                  <c:v>40640</c:v>
                </c:pt>
                <c:pt idx="4065">
                  <c:v>40650</c:v>
                </c:pt>
                <c:pt idx="4066">
                  <c:v>40660</c:v>
                </c:pt>
                <c:pt idx="4067">
                  <c:v>40670</c:v>
                </c:pt>
                <c:pt idx="4068">
                  <c:v>40680</c:v>
                </c:pt>
                <c:pt idx="4069">
                  <c:v>40690</c:v>
                </c:pt>
                <c:pt idx="4070">
                  <c:v>40700</c:v>
                </c:pt>
                <c:pt idx="4071">
                  <c:v>40710</c:v>
                </c:pt>
                <c:pt idx="4072">
                  <c:v>40720</c:v>
                </c:pt>
                <c:pt idx="4073">
                  <c:v>40730</c:v>
                </c:pt>
                <c:pt idx="4074">
                  <c:v>40740</c:v>
                </c:pt>
                <c:pt idx="4075">
                  <c:v>40750</c:v>
                </c:pt>
                <c:pt idx="4076">
                  <c:v>40760</c:v>
                </c:pt>
                <c:pt idx="4077">
                  <c:v>40770</c:v>
                </c:pt>
                <c:pt idx="4078">
                  <c:v>40780</c:v>
                </c:pt>
                <c:pt idx="4079">
                  <c:v>40790</c:v>
                </c:pt>
                <c:pt idx="4080">
                  <c:v>40800</c:v>
                </c:pt>
                <c:pt idx="4081">
                  <c:v>40810</c:v>
                </c:pt>
                <c:pt idx="4082">
                  <c:v>40820</c:v>
                </c:pt>
                <c:pt idx="4083">
                  <c:v>40830</c:v>
                </c:pt>
                <c:pt idx="4084">
                  <c:v>40840</c:v>
                </c:pt>
                <c:pt idx="4085">
                  <c:v>40850</c:v>
                </c:pt>
                <c:pt idx="4086">
                  <c:v>40860</c:v>
                </c:pt>
                <c:pt idx="4087">
                  <c:v>40870</c:v>
                </c:pt>
                <c:pt idx="4088">
                  <c:v>40880</c:v>
                </c:pt>
                <c:pt idx="4089">
                  <c:v>40890</c:v>
                </c:pt>
                <c:pt idx="4090">
                  <c:v>40900</c:v>
                </c:pt>
                <c:pt idx="4091">
                  <c:v>40910</c:v>
                </c:pt>
                <c:pt idx="4092">
                  <c:v>40920</c:v>
                </c:pt>
                <c:pt idx="4093">
                  <c:v>40930</c:v>
                </c:pt>
                <c:pt idx="4094">
                  <c:v>40940</c:v>
                </c:pt>
                <c:pt idx="4095">
                  <c:v>40950</c:v>
                </c:pt>
                <c:pt idx="4096">
                  <c:v>40960</c:v>
                </c:pt>
                <c:pt idx="4097">
                  <c:v>40970</c:v>
                </c:pt>
                <c:pt idx="4098">
                  <c:v>40980</c:v>
                </c:pt>
                <c:pt idx="4099">
                  <c:v>40990</c:v>
                </c:pt>
                <c:pt idx="4100">
                  <c:v>41000</c:v>
                </c:pt>
                <c:pt idx="4101">
                  <c:v>41010</c:v>
                </c:pt>
                <c:pt idx="4102">
                  <c:v>41020</c:v>
                </c:pt>
                <c:pt idx="4103">
                  <c:v>41030</c:v>
                </c:pt>
                <c:pt idx="4104">
                  <c:v>41040</c:v>
                </c:pt>
                <c:pt idx="4105">
                  <c:v>41050</c:v>
                </c:pt>
                <c:pt idx="4106">
                  <c:v>41060</c:v>
                </c:pt>
                <c:pt idx="4107">
                  <c:v>41070</c:v>
                </c:pt>
                <c:pt idx="4108">
                  <c:v>41080</c:v>
                </c:pt>
                <c:pt idx="4109">
                  <c:v>41090</c:v>
                </c:pt>
                <c:pt idx="4110">
                  <c:v>41100</c:v>
                </c:pt>
                <c:pt idx="4111">
                  <c:v>41110</c:v>
                </c:pt>
                <c:pt idx="4112">
                  <c:v>41120</c:v>
                </c:pt>
                <c:pt idx="4113">
                  <c:v>41130</c:v>
                </c:pt>
                <c:pt idx="4114">
                  <c:v>41140</c:v>
                </c:pt>
                <c:pt idx="4115">
                  <c:v>41150</c:v>
                </c:pt>
                <c:pt idx="4116">
                  <c:v>41160</c:v>
                </c:pt>
                <c:pt idx="4117">
                  <c:v>41170</c:v>
                </c:pt>
                <c:pt idx="4118">
                  <c:v>41180</c:v>
                </c:pt>
                <c:pt idx="4119">
                  <c:v>41190</c:v>
                </c:pt>
                <c:pt idx="4120">
                  <c:v>41200</c:v>
                </c:pt>
                <c:pt idx="4121">
                  <c:v>41210</c:v>
                </c:pt>
                <c:pt idx="4122">
                  <c:v>41220</c:v>
                </c:pt>
                <c:pt idx="4123">
                  <c:v>41230</c:v>
                </c:pt>
                <c:pt idx="4124">
                  <c:v>41240</c:v>
                </c:pt>
                <c:pt idx="4125">
                  <c:v>41250</c:v>
                </c:pt>
                <c:pt idx="4126">
                  <c:v>41260</c:v>
                </c:pt>
                <c:pt idx="4127">
                  <c:v>41270</c:v>
                </c:pt>
                <c:pt idx="4128">
                  <c:v>41280</c:v>
                </c:pt>
                <c:pt idx="4129">
                  <c:v>41290</c:v>
                </c:pt>
                <c:pt idx="4130">
                  <c:v>41300</c:v>
                </c:pt>
                <c:pt idx="4131">
                  <c:v>41310</c:v>
                </c:pt>
                <c:pt idx="4132">
                  <c:v>41320</c:v>
                </c:pt>
                <c:pt idx="4133">
                  <c:v>41330</c:v>
                </c:pt>
                <c:pt idx="4134">
                  <c:v>41340</c:v>
                </c:pt>
                <c:pt idx="4135">
                  <c:v>41350</c:v>
                </c:pt>
                <c:pt idx="4136">
                  <c:v>41360</c:v>
                </c:pt>
                <c:pt idx="4137">
                  <c:v>41370</c:v>
                </c:pt>
                <c:pt idx="4138">
                  <c:v>41380</c:v>
                </c:pt>
                <c:pt idx="4139">
                  <c:v>41390</c:v>
                </c:pt>
                <c:pt idx="4140">
                  <c:v>41400</c:v>
                </c:pt>
                <c:pt idx="4141">
                  <c:v>41410</c:v>
                </c:pt>
                <c:pt idx="4142">
                  <c:v>41420</c:v>
                </c:pt>
                <c:pt idx="4143">
                  <c:v>41430</c:v>
                </c:pt>
                <c:pt idx="4144">
                  <c:v>41440</c:v>
                </c:pt>
                <c:pt idx="4145">
                  <c:v>41450</c:v>
                </c:pt>
                <c:pt idx="4146">
                  <c:v>41460</c:v>
                </c:pt>
                <c:pt idx="4147">
                  <c:v>41470</c:v>
                </c:pt>
                <c:pt idx="4148">
                  <c:v>41480</c:v>
                </c:pt>
                <c:pt idx="4149">
                  <c:v>41490</c:v>
                </c:pt>
                <c:pt idx="4150">
                  <c:v>41500</c:v>
                </c:pt>
                <c:pt idx="4151">
                  <c:v>41510</c:v>
                </c:pt>
                <c:pt idx="4152">
                  <c:v>41520</c:v>
                </c:pt>
                <c:pt idx="4153">
                  <c:v>41530</c:v>
                </c:pt>
                <c:pt idx="4154">
                  <c:v>41540</c:v>
                </c:pt>
                <c:pt idx="4155">
                  <c:v>41550</c:v>
                </c:pt>
                <c:pt idx="4156">
                  <c:v>41560</c:v>
                </c:pt>
                <c:pt idx="4157">
                  <c:v>41570</c:v>
                </c:pt>
                <c:pt idx="4158">
                  <c:v>41580</c:v>
                </c:pt>
                <c:pt idx="4159">
                  <c:v>41590</c:v>
                </c:pt>
                <c:pt idx="4160">
                  <c:v>41600</c:v>
                </c:pt>
                <c:pt idx="4161">
                  <c:v>41610</c:v>
                </c:pt>
                <c:pt idx="4162">
                  <c:v>41620</c:v>
                </c:pt>
                <c:pt idx="4163">
                  <c:v>41630</c:v>
                </c:pt>
                <c:pt idx="4164">
                  <c:v>41640</c:v>
                </c:pt>
                <c:pt idx="4165">
                  <c:v>41650</c:v>
                </c:pt>
                <c:pt idx="4166">
                  <c:v>41660</c:v>
                </c:pt>
                <c:pt idx="4167">
                  <c:v>41670</c:v>
                </c:pt>
                <c:pt idx="4168">
                  <c:v>41680</c:v>
                </c:pt>
                <c:pt idx="4169">
                  <c:v>41690</c:v>
                </c:pt>
                <c:pt idx="4170">
                  <c:v>41700</c:v>
                </c:pt>
                <c:pt idx="4171">
                  <c:v>41710</c:v>
                </c:pt>
                <c:pt idx="4172">
                  <c:v>41720</c:v>
                </c:pt>
                <c:pt idx="4173">
                  <c:v>41730</c:v>
                </c:pt>
                <c:pt idx="4174">
                  <c:v>41740</c:v>
                </c:pt>
                <c:pt idx="4175">
                  <c:v>41750</c:v>
                </c:pt>
                <c:pt idx="4176">
                  <c:v>41760</c:v>
                </c:pt>
                <c:pt idx="4177">
                  <c:v>41770</c:v>
                </c:pt>
                <c:pt idx="4178">
                  <c:v>41780</c:v>
                </c:pt>
                <c:pt idx="4179">
                  <c:v>41790</c:v>
                </c:pt>
                <c:pt idx="4180">
                  <c:v>41800</c:v>
                </c:pt>
                <c:pt idx="4181">
                  <c:v>41810</c:v>
                </c:pt>
                <c:pt idx="4182">
                  <c:v>41820</c:v>
                </c:pt>
                <c:pt idx="4183">
                  <c:v>41830</c:v>
                </c:pt>
                <c:pt idx="4184">
                  <c:v>41840</c:v>
                </c:pt>
                <c:pt idx="4185">
                  <c:v>41850</c:v>
                </c:pt>
                <c:pt idx="4186">
                  <c:v>41860</c:v>
                </c:pt>
                <c:pt idx="4187">
                  <c:v>41870</c:v>
                </c:pt>
                <c:pt idx="4188">
                  <c:v>41880</c:v>
                </c:pt>
                <c:pt idx="4189">
                  <c:v>41890</c:v>
                </c:pt>
                <c:pt idx="4190">
                  <c:v>41900</c:v>
                </c:pt>
                <c:pt idx="4191">
                  <c:v>41910</c:v>
                </c:pt>
                <c:pt idx="4192">
                  <c:v>41920</c:v>
                </c:pt>
                <c:pt idx="4193">
                  <c:v>41930</c:v>
                </c:pt>
                <c:pt idx="4194">
                  <c:v>41940</c:v>
                </c:pt>
                <c:pt idx="4195">
                  <c:v>41950</c:v>
                </c:pt>
                <c:pt idx="4196">
                  <c:v>41960</c:v>
                </c:pt>
                <c:pt idx="4197">
                  <c:v>41970</c:v>
                </c:pt>
                <c:pt idx="4198">
                  <c:v>41980</c:v>
                </c:pt>
                <c:pt idx="4199">
                  <c:v>41990</c:v>
                </c:pt>
                <c:pt idx="4200">
                  <c:v>42000</c:v>
                </c:pt>
                <c:pt idx="4201">
                  <c:v>42010</c:v>
                </c:pt>
                <c:pt idx="4202">
                  <c:v>42020</c:v>
                </c:pt>
                <c:pt idx="4203">
                  <c:v>42030</c:v>
                </c:pt>
                <c:pt idx="4204">
                  <c:v>42040</c:v>
                </c:pt>
                <c:pt idx="4205">
                  <c:v>42050</c:v>
                </c:pt>
                <c:pt idx="4206">
                  <c:v>42060</c:v>
                </c:pt>
                <c:pt idx="4207">
                  <c:v>42070</c:v>
                </c:pt>
                <c:pt idx="4208">
                  <c:v>42080</c:v>
                </c:pt>
                <c:pt idx="4209">
                  <c:v>42090</c:v>
                </c:pt>
                <c:pt idx="4210">
                  <c:v>42100</c:v>
                </c:pt>
                <c:pt idx="4211">
                  <c:v>42110</c:v>
                </c:pt>
                <c:pt idx="4212">
                  <c:v>42120</c:v>
                </c:pt>
                <c:pt idx="4213">
                  <c:v>42130</c:v>
                </c:pt>
                <c:pt idx="4214">
                  <c:v>42140</c:v>
                </c:pt>
                <c:pt idx="4215">
                  <c:v>42150</c:v>
                </c:pt>
                <c:pt idx="4216">
                  <c:v>42160</c:v>
                </c:pt>
                <c:pt idx="4217">
                  <c:v>42170</c:v>
                </c:pt>
                <c:pt idx="4218">
                  <c:v>42180</c:v>
                </c:pt>
                <c:pt idx="4219">
                  <c:v>42190</c:v>
                </c:pt>
                <c:pt idx="4220">
                  <c:v>42200</c:v>
                </c:pt>
                <c:pt idx="4221">
                  <c:v>42210</c:v>
                </c:pt>
                <c:pt idx="4222">
                  <c:v>42220</c:v>
                </c:pt>
                <c:pt idx="4223">
                  <c:v>42230</c:v>
                </c:pt>
                <c:pt idx="4224">
                  <c:v>42240</c:v>
                </c:pt>
                <c:pt idx="4225">
                  <c:v>42250</c:v>
                </c:pt>
                <c:pt idx="4226">
                  <c:v>42260</c:v>
                </c:pt>
                <c:pt idx="4227">
                  <c:v>42270</c:v>
                </c:pt>
                <c:pt idx="4228">
                  <c:v>42280</c:v>
                </c:pt>
                <c:pt idx="4229">
                  <c:v>42290</c:v>
                </c:pt>
                <c:pt idx="4230">
                  <c:v>42300</c:v>
                </c:pt>
                <c:pt idx="4231">
                  <c:v>42310</c:v>
                </c:pt>
                <c:pt idx="4232">
                  <c:v>42320</c:v>
                </c:pt>
                <c:pt idx="4233">
                  <c:v>42330</c:v>
                </c:pt>
                <c:pt idx="4234">
                  <c:v>42340</c:v>
                </c:pt>
                <c:pt idx="4235">
                  <c:v>42350</c:v>
                </c:pt>
                <c:pt idx="4236">
                  <c:v>42360</c:v>
                </c:pt>
                <c:pt idx="4237">
                  <c:v>42370</c:v>
                </c:pt>
                <c:pt idx="4238">
                  <c:v>42380</c:v>
                </c:pt>
                <c:pt idx="4239">
                  <c:v>42390</c:v>
                </c:pt>
                <c:pt idx="4240">
                  <c:v>42400</c:v>
                </c:pt>
                <c:pt idx="4241">
                  <c:v>42410</c:v>
                </c:pt>
                <c:pt idx="4242">
                  <c:v>42420</c:v>
                </c:pt>
                <c:pt idx="4243">
                  <c:v>42430</c:v>
                </c:pt>
                <c:pt idx="4244">
                  <c:v>42440</c:v>
                </c:pt>
                <c:pt idx="4245">
                  <c:v>42450</c:v>
                </c:pt>
                <c:pt idx="4246">
                  <c:v>42460</c:v>
                </c:pt>
                <c:pt idx="4247">
                  <c:v>42470</c:v>
                </c:pt>
                <c:pt idx="4248">
                  <c:v>42480</c:v>
                </c:pt>
                <c:pt idx="4249">
                  <c:v>42490</c:v>
                </c:pt>
                <c:pt idx="4250">
                  <c:v>42500</c:v>
                </c:pt>
                <c:pt idx="4251">
                  <c:v>42510</c:v>
                </c:pt>
                <c:pt idx="4252">
                  <c:v>42520</c:v>
                </c:pt>
                <c:pt idx="4253">
                  <c:v>42530</c:v>
                </c:pt>
                <c:pt idx="4254">
                  <c:v>42540</c:v>
                </c:pt>
                <c:pt idx="4255">
                  <c:v>42550</c:v>
                </c:pt>
                <c:pt idx="4256">
                  <c:v>42560</c:v>
                </c:pt>
                <c:pt idx="4257">
                  <c:v>42570</c:v>
                </c:pt>
                <c:pt idx="4258">
                  <c:v>42580</c:v>
                </c:pt>
                <c:pt idx="4259">
                  <c:v>42590</c:v>
                </c:pt>
                <c:pt idx="4260">
                  <c:v>42600</c:v>
                </c:pt>
                <c:pt idx="4261">
                  <c:v>42610</c:v>
                </c:pt>
                <c:pt idx="4262">
                  <c:v>42620</c:v>
                </c:pt>
                <c:pt idx="4263">
                  <c:v>42630</c:v>
                </c:pt>
                <c:pt idx="4264">
                  <c:v>42640</c:v>
                </c:pt>
                <c:pt idx="4265">
                  <c:v>42650</c:v>
                </c:pt>
                <c:pt idx="4266">
                  <c:v>42660</c:v>
                </c:pt>
                <c:pt idx="4267">
                  <c:v>42670</c:v>
                </c:pt>
                <c:pt idx="4268">
                  <c:v>42680</c:v>
                </c:pt>
                <c:pt idx="4269">
                  <c:v>42690</c:v>
                </c:pt>
                <c:pt idx="4270">
                  <c:v>42700</c:v>
                </c:pt>
                <c:pt idx="4271">
                  <c:v>42710</c:v>
                </c:pt>
                <c:pt idx="4272">
                  <c:v>42720</c:v>
                </c:pt>
                <c:pt idx="4273">
                  <c:v>42730</c:v>
                </c:pt>
                <c:pt idx="4274">
                  <c:v>42740</c:v>
                </c:pt>
                <c:pt idx="4275">
                  <c:v>42750</c:v>
                </c:pt>
                <c:pt idx="4276">
                  <c:v>42760</c:v>
                </c:pt>
                <c:pt idx="4277">
                  <c:v>42770</c:v>
                </c:pt>
                <c:pt idx="4278">
                  <c:v>42780</c:v>
                </c:pt>
                <c:pt idx="4279">
                  <c:v>42790</c:v>
                </c:pt>
                <c:pt idx="4280">
                  <c:v>42800</c:v>
                </c:pt>
                <c:pt idx="4281">
                  <c:v>42810</c:v>
                </c:pt>
                <c:pt idx="4282">
                  <c:v>42820</c:v>
                </c:pt>
                <c:pt idx="4283">
                  <c:v>42830</c:v>
                </c:pt>
                <c:pt idx="4284">
                  <c:v>42840</c:v>
                </c:pt>
                <c:pt idx="4285">
                  <c:v>42850</c:v>
                </c:pt>
                <c:pt idx="4286">
                  <c:v>42860</c:v>
                </c:pt>
                <c:pt idx="4287">
                  <c:v>42870</c:v>
                </c:pt>
                <c:pt idx="4288">
                  <c:v>42880</c:v>
                </c:pt>
                <c:pt idx="4289">
                  <c:v>42890</c:v>
                </c:pt>
                <c:pt idx="4290">
                  <c:v>42900</c:v>
                </c:pt>
                <c:pt idx="4291">
                  <c:v>42910</c:v>
                </c:pt>
                <c:pt idx="4292">
                  <c:v>42920</c:v>
                </c:pt>
                <c:pt idx="4293">
                  <c:v>42930</c:v>
                </c:pt>
                <c:pt idx="4294">
                  <c:v>42940</c:v>
                </c:pt>
                <c:pt idx="4295">
                  <c:v>42950</c:v>
                </c:pt>
                <c:pt idx="4296">
                  <c:v>42960</c:v>
                </c:pt>
                <c:pt idx="4297">
                  <c:v>42970</c:v>
                </c:pt>
                <c:pt idx="4298">
                  <c:v>42980</c:v>
                </c:pt>
                <c:pt idx="4299">
                  <c:v>42990</c:v>
                </c:pt>
                <c:pt idx="4300">
                  <c:v>43000</c:v>
                </c:pt>
                <c:pt idx="4301">
                  <c:v>43010</c:v>
                </c:pt>
                <c:pt idx="4302">
                  <c:v>43020</c:v>
                </c:pt>
                <c:pt idx="4303">
                  <c:v>43030</c:v>
                </c:pt>
                <c:pt idx="4304">
                  <c:v>43040</c:v>
                </c:pt>
                <c:pt idx="4305">
                  <c:v>43050</c:v>
                </c:pt>
                <c:pt idx="4306">
                  <c:v>43060</c:v>
                </c:pt>
                <c:pt idx="4307">
                  <c:v>43070</c:v>
                </c:pt>
                <c:pt idx="4308">
                  <c:v>43080</c:v>
                </c:pt>
                <c:pt idx="4309">
                  <c:v>43090</c:v>
                </c:pt>
                <c:pt idx="4310">
                  <c:v>43100</c:v>
                </c:pt>
                <c:pt idx="4311">
                  <c:v>43110</c:v>
                </c:pt>
                <c:pt idx="4312">
                  <c:v>43120</c:v>
                </c:pt>
                <c:pt idx="4313">
                  <c:v>43130</c:v>
                </c:pt>
                <c:pt idx="4314">
                  <c:v>43140</c:v>
                </c:pt>
                <c:pt idx="4315">
                  <c:v>43150</c:v>
                </c:pt>
                <c:pt idx="4316">
                  <c:v>43160</c:v>
                </c:pt>
                <c:pt idx="4317">
                  <c:v>43170</c:v>
                </c:pt>
                <c:pt idx="4318">
                  <c:v>43180</c:v>
                </c:pt>
                <c:pt idx="4319">
                  <c:v>43190</c:v>
                </c:pt>
                <c:pt idx="4320">
                  <c:v>43200</c:v>
                </c:pt>
                <c:pt idx="4321">
                  <c:v>43210</c:v>
                </c:pt>
                <c:pt idx="4322">
                  <c:v>43220</c:v>
                </c:pt>
                <c:pt idx="4323">
                  <c:v>43230</c:v>
                </c:pt>
                <c:pt idx="4324">
                  <c:v>43240</c:v>
                </c:pt>
                <c:pt idx="4325">
                  <c:v>43250</c:v>
                </c:pt>
                <c:pt idx="4326">
                  <c:v>43260</c:v>
                </c:pt>
                <c:pt idx="4327">
                  <c:v>43270</c:v>
                </c:pt>
                <c:pt idx="4328">
                  <c:v>43280</c:v>
                </c:pt>
                <c:pt idx="4329">
                  <c:v>43290</c:v>
                </c:pt>
                <c:pt idx="4330">
                  <c:v>43300</c:v>
                </c:pt>
                <c:pt idx="4331">
                  <c:v>43310</c:v>
                </c:pt>
                <c:pt idx="4332">
                  <c:v>43320</c:v>
                </c:pt>
                <c:pt idx="4333">
                  <c:v>43330</c:v>
                </c:pt>
                <c:pt idx="4334">
                  <c:v>43340</c:v>
                </c:pt>
                <c:pt idx="4335">
                  <c:v>43350</c:v>
                </c:pt>
                <c:pt idx="4336">
                  <c:v>43360</c:v>
                </c:pt>
                <c:pt idx="4337">
                  <c:v>43370</c:v>
                </c:pt>
                <c:pt idx="4338">
                  <c:v>43380</c:v>
                </c:pt>
                <c:pt idx="4339">
                  <c:v>43390</c:v>
                </c:pt>
                <c:pt idx="4340">
                  <c:v>43400</c:v>
                </c:pt>
                <c:pt idx="4341">
                  <c:v>43410</c:v>
                </c:pt>
                <c:pt idx="4342">
                  <c:v>43420</c:v>
                </c:pt>
                <c:pt idx="4343">
                  <c:v>43430</c:v>
                </c:pt>
                <c:pt idx="4344">
                  <c:v>43440</c:v>
                </c:pt>
                <c:pt idx="4345">
                  <c:v>43450</c:v>
                </c:pt>
                <c:pt idx="4346">
                  <c:v>43460</c:v>
                </c:pt>
                <c:pt idx="4347">
                  <c:v>43470</c:v>
                </c:pt>
                <c:pt idx="4348">
                  <c:v>43480</c:v>
                </c:pt>
                <c:pt idx="4349">
                  <c:v>43490</c:v>
                </c:pt>
                <c:pt idx="4350">
                  <c:v>43500</c:v>
                </c:pt>
                <c:pt idx="4351">
                  <c:v>43510</c:v>
                </c:pt>
                <c:pt idx="4352">
                  <c:v>43520</c:v>
                </c:pt>
                <c:pt idx="4353">
                  <c:v>43530</c:v>
                </c:pt>
                <c:pt idx="4354">
                  <c:v>43540</c:v>
                </c:pt>
                <c:pt idx="4355">
                  <c:v>43550</c:v>
                </c:pt>
                <c:pt idx="4356">
                  <c:v>43560</c:v>
                </c:pt>
                <c:pt idx="4357">
                  <c:v>43570</c:v>
                </c:pt>
                <c:pt idx="4358">
                  <c:v>43580</c:v>
                </c:pt>
                <c:pt idx="4359">
                  <c:v>43590</c:v>
                </c:pt>
                <c:pt idx="4360">
                  <c:v>43600</c:v>
                </c:pt>
                <c:pt idx="4361">
                  <c:v>43610</c:v>
                </c:pt>
                <c:pt idx="4362">
                  <c:v>43620</c:v>
                </c:pt>
                <c:pt idx="4363">
                  <c:v>43630</c:v>
                </c:pt>
                <c:pt idx="4364">
                  <c:v>43640</c:v>
                </c:pt>
                <c:pt idx="4365">
                  <c:v>43650</c:v>
                </c:pt>
                <c:pt idx="4366">
                  <c:v>43660</c:v>
                </c:pt>
                <c:pt idx="4367">
                  <c:v>43670</c:v>
                </c:pt>
                <c:pt idx="4368">
                  <c:v>43680</c:v>
                </c:pt>
                <c:pt idx="4369">
                  <c:v>43690</c:v>
                </c:pt>
                <c:pt idx="4370">
                  <c:v>43700</c:v>
                </c:pt>
                <c:pt idx="4371">
                  <c:v>43710</c:v>
                </c:pt>
                <c:pt idx="4372">
                  <c:v>43720</c:v>
                </c:pt>
                <c:pt idx="4373">
                  <c:v>43730</c:v>
                </c:pt>
                <c:pt idx="4374">
                  <c:v>43740</c:v>
                </c:pt>
                <c:pt idx="4375">
                  <c:v>43750</c:v>
                </c:pt>
                <c:pt idx="4376">
                  <c:v>43760</c:v>
                </c:pt>
                <c:pt idx="4377">
                  <c:v>43770</c:v>
                </c:pt>
                <c:pt idx="4378">
                  <c:v>43780</c:v>
                </c:pt>
                <c:pt idx="4379">
                  <c:v>43790</c:v>
                </c:pt>
                <c:pt idx="4380">
                  <c:v>43800</c:v>
                </c:pt>
                <c:pt idx="4381">
                  <c:v>43810</c:v>
                </c:pt>
                <c:pt idx="4382">
                  <c:v>43820</c:v>
                </c:pt>
                <c:pt idx="4383">
                  <c:v>43830</c:v>
                </c:pt>
                <c:pt idx="4384">
                  <c:v>43840</c:v>
                </c:pt>
                <c:pt idx="4385">
                  <c:v>43850</c:v>
                </c:pt>
                <c:pt idx="4386">
                  <c:v>43860</c:v>
                </c:pt>
                <c:pt idx="4387">
                  <c:v>43870</c:v>
                </c:pt>
                <c:pt idx="4388">
                  <c:v>43880</c:v>
                </c:pt>
                <c:pt idx="4389">
                  <c:v>43890</c:v>
                </c:pt>
                <c:pt idx="4390">
                  <c:v>43900</c:v>
                </c:pt>
                <c:pt idx="4391">
                  <c:v>43910</c:v>
                </c:pt>
                <c:pt idx="4392">
                  <c:v>43920</c:v>
                </c:pt>
                <c:pt idx="4393">
                  <c:v>43930</c:v>
                </c:pt>
                <c:pt idx="4394">
                  <c:v>43940</c:v>
                </c:pt>
                <c:pt idx="4395">
                  <c:v>43950</c:v>
                </c:pt>
                <c:pt idx="4396">
                  <c:v>43960</c:v>
                </c:pt>
                <c:pt idx="4397">
                  <c:v>43970</c:v>
                </c:pt>
                <c:pt idx="4398">
                  <c:v>43980</c:v>
                </c:pt>
                <c:pt idx="4399">
                  <c:v>43990</c:v>
                </c:pt>
                <c:pt idx="4400">
                  <c:v>44000</c:v>
                </c:pt>
                <c:pt idx="4401">
                  <c:v>44010</c:v>
                </c:pt>
                <c:pt idx="4402">
                  <c:v>44020</c:v>
                </c:pt>
                <c:pt idx="4403">
                  <c:v>44030</c:v>
                </c:pt>
                <c:pt idx="4404">
                  <c:v>44040</c:v>
                </c:pt>
                <c:pt idx="4405">
                  <c:v>44050</c:v>
                </c:pt>
                <c:pt idx="4406">
                  <c:v>44060</c:v>
                </c:pt>
                <c:pt idx="4407">
                  <c:v>44070</c:v>
                </c:pt>
                <c:pt idx="4408">
                  <c:v>44080</c:v>
                </c:pt>
                <c:pt idx="4409">
                  <c:v>44090</c:v>
                </c:pt>
                <c:pt idx="4410">
                  <c:v>44100</c:v>
                </c:pt>
                <c:pt idx="4411">
                  <c:v>44110</c:v>
                </c:pt>
                <c:pt idx="4412">
                  <c:v>44120</c:v>
                </c:pt>
                <c:pt idx="4413">
                  <c:v>44130</c:v>
                </c:pt>
                <c:pt idx="4414">
                  <c:v>44140</c:v>
                </c:pt>
                <c:pt idx="4415">
                  <c:v>44150</c:v>
                </c:pt>
                <c:pt idx="4416">
                  <c:v>44160</c:v>
                </c:pt>
                <c:pt idx="4417">
                  <c:v>44170</c:v>
                </c:pt>
                <c:pt idx="4418">
                  <c:v>44180</c:v>
                </c:pt>
                <c:pt idx="4419">
                  <c:v>44190</c:v>
                </c:pt>
                <c:pt idx="4420">
                  <c:v>44200</c:v>
                </c:pt>
                <c:pt idx="4421">
                  <c:v>44210</c:v>
                </c:pt>
                <c:pt idx="4422">
                  <c:v>44220</c:v>
                </c:pt>
                <c:pt idx="4423">
                  <c:v>44230</c:v>
                </c:pt>
                <c:pt idx="4424">
                  <c:v>44240</c:v>
                </c:pt>
                <c:pt idx="4425">
                  <c:v>44250</c:v>
                </c:pt>
                <c:pt idx="4426">
                  <c:v>44260</c:v>
                </c:pt>
                <c:pt idx="4427">
                  <c:v>44270</c:v>
                </c:pt>
                <c:pt idx="4428">
                  <c:v>44280</c:v>
                </c:pt>
                <c:pt idx="4429">
                  <c:v>44290</c:v>
                </c:pt>
                <c:pt idx="4430">
                  <c:v>44300</c:v>
                </c:pt>
                <c:pt idx="4431">
                  <c:v>44310</c:v>
                </c:pt>
                <c:pt idx="4432">
                  <c:v>44320</c:v>
                </c:pt>
                <c:pt idx="4433">
                  <c:v>44330</c:v>
                </c:pt>
                <c:pt idx="4434">
                  <c:v>44340</c:v>
                </c:pt>
                <c:pt idx="4435">
                  <c:v>44350</c:v>
                </c:pt>
                <c:pt idx="4436">
                  <c:v>44360</c:v>
                </c:pt>
                <c:pt idx="4437">
                  <c:v>44370</c:v>
                </c:pt>
                <c:pt idx="4438">
                  <c:v>44380</c:v>
                </c:pt>
                <c:pt idx="4439">
                  <c:v>44390</c:v>
                </c:pt>
                <c:pt idx="4440">
                  <c:v>44400</c:v>
                </c:pt>
                <c:pt idx="4441">
                  <c:v>44410</c:v>
                </c:pt>
                <c:pt idx="4442">
                  <c:v>44420</c:v>
                </c:pt>
                <c:pt idx="4443">
                  <c:v>44430</c:v>
                </c:pt>
                <c:pt idx="4444">
                  <c:v>44440</c:v>
                </c:pt>
                <c:pt idx="4445">
                  <c:v>44450</c:v>
                </c:pt>
                <c:pt idx="4446">
                  <c:v>44460</c:v>
                </c:pt>
                <c:pt idx="4447">
                  <c:v>44470</c:v>
                </c:pt>
                <c:pt idx="4448">
                  <c:v>44480</c:v>
                </c:pt>
                <c:pt idx="4449">
                  <c:v>44490</c:v>
                </c:pt>
                <c:pt idx="4450">
                  <c:v>44500</c:v>
                </c:pt>
                <c:pt idx="4451">
                  <c:v>44510</c:v>
                </c:pt>
                <c:pt idx="4452">
                  <c:v>44520</c:v>
                </c:pt>
                <c:pt idx="4453">
                  <c:v>44530</c:v>
                </c:pt>
                <c:pt idx="4454">
                  <c:v>44540</c:v>
                </c:pt>
                <c:pt idx="4455">
                  <c:v>44550</c:v>
                </c:pt>
                <c:pt idx="4456">
                  <c:v>44560</c:v>
                </c:pt>
                <c:pt idx="4457">
                  <c:v>44570</c:v>
                </c:pt>
                <c:pt idx="4458">
                  <c:v>44580</c:v>
                </c:pt>
                <c:pt idx="4459">
                  <c:v>44590</c:v>
                </c:pt>
                <c:pt idx="4460">
                  <c:v>44600</c:v>
                </c:pt>
                <c:pt idx="4461">
                  <c:v>44610</c:v>
                </c:pt>
                <c:pt idx="4462">
                  <c:v>44620</c:v>
                </c:pt>
                <c:pt idx="4463">
                  <c:v>44630</c:v>
                </c:pt>
                <c:pt idx="4464">
                  <c:v>44640</c:v>
                </c:pt>
                <c:pt idx="4465">
                  <c:v>44650</c:v>
                </c:pt>
                <c:pt idx="4466">
                  <c:v>44660</c:v>
                </c:pt>
                <c:pt idx="4467">
                  <c:v>44670</c:v>
                </c:pt>
                <c:pt idx="4468">
                  <c:v>44680</c:v>
                </c:pt>
                <c:pt idx="4469">
                  <c:v>44690</c:v>
                </c:pt>
                <c:pt idx="4470">
                  <c:v>44700</c:v>
                </c:pt>
                <c:pt idx="4471">
                  <c:v>44710</c:v>
                </c:pt>
                <c:pt idx="4472">
                  <c:v>44720</c:v>
                </c:pt>
                <c:pt idx="4473">
                  <c:v>44730</c:v>
                </c:pt>
                <c:pt idx="4474">
                  <c:v>44740</c:v>
                </c:pt>
                <c:pt idx="4475">
                  <c:v>44750</c:v>
                </c:pt>
                <c:pt idx="4476">
                  <c:v>44760</c:v>
                </c:pt>
                <c:pt idx="4477">
                  <c:v>44770</c:v>
                </c:pt>
                <c:pt idx="4478">
                  <c:v>44780</c:v>
                </c:pt>
                <c:pt idx="4479">
                  <c:v>44790</c:v>
                </c:pt>
                <c:pt idx="4480">
                  <c:v>44800</c:v>
                </c:pt>
                <c:pt idx="4481">
                  <c:v>44810</c:v>
                </c:pt>
                <c:pt idx="4482">
                  <c:v>44820</c:v>
                </c:pt>
                <c:pt idx="4483">
                  <c:v>44830</c:v>
                </c:pt>
                <c:pt idx="4484">
                  <c:v>44840</c:v>
                </c:pt>
                <c:pt idx="4485">
                  <c:v>44850</c:v>
                </c:pt>
                <c:pt idx="4486">
                  <c:v>44860</c:v>
                </c:pt>
                <c:pt idx="4487">
                  <c:v>44870</c:v>
                </c:pt>
                <c:pt idx="4488">
                  <c:v>44880</c:v>
                </c:pt>
                <c:pt idx="4489">
                  <c:v>44890</c:v>
                </c:pt>
                <c:pt idx="4490">
                  <c:v>44900</c:v>
                </c:pt>
                <c:pt idx="4491">
                  <c:v>44910</c:v>
                </c:pt>
                <c:pt idx="4492">
                  <c:v>44920</c:v>
                </c:pt>
                <c:pt idx="4493">
                  <c:v>44930</c:v>
                </c:pt>
                <c:pt idx="4494">
                  <c:v>44940</c:v>
                </c:pt>
                <c:pt idx="4495">
                  <c:v>44950</c:v>
                </c:pt>
                <c:pt idx="4496">
                  <c:v>44960</c:v>
                </c:pt>
                <c:pt idx="4497">
                  <c:v>44970</c:v>
                </c:pt>
                <c:pt idx="4498">
                  <c:v>44980</c:v>
                </c:pt>
                <c:pt idx="4499">
                  <c:v>44990</c:v>
                </c:pt>
                <c:pt idx="4500">
                  <c:v>45000</c:v>
                </c:pt>
                <c:pt idx="4501">
                  <c:v>45010</c:v>
                </c:pt>
                <c:pt idx="4502">
                  <c:v>45020</c:v>
                </c:pt>
                <c:pt idx="4503">
                  <c:v>45030</c:v>
                </c:pt>
                <c:pt idx="4504">
                  <c:v>45040</c:v>
                </c:pt>
                <c:pt idx="4505">
                  <c:v>45050</c:v>
                </c:pt>
                <c:pt idx="4506">
                  <c:v>45060</c:v>
                </c:pt>
                <c:pt idx="4507">
                  <c:v>45070</c:v>
                </c:pt>
                <c:pt idx="4508">
                  <c:v>45080</c:v>
                </c:pt>
                <c:pt idx="4509">
                  <c:v>45090</c:v>
                </c:pt>
                <c:pt idx="4510">
                  <c:v>45100</c:v>
                </c:pt>
                <c:pt idx="4511">
                  <c:v>45110</c:v>
                </c:pt>
                <c:pt idx="4512">
                  <c:v>45120</c:v>
                </c:pt>
                <c:pt idx="4513">
                  <c:v>45130</c:v>
                </c:pt>
                <c:pt idx="4514">
                  <c:v>45140</c:v>
                </c:pt>
                <c:pt idx="4515">
                  <c:v>45150</c:v>
                </c:pt>
                <c:pt idx="4516">
                  <c:v>45160</c:v>
                </c:pt>
                <c:pt idx="4517">
                  <c:v>45170</c:v>
                </c:pt>
                <c:pt idx="4518">
                  <c:v>45180</c:v>
                </c:pt>
                <c:pt idx="4519">
                  <c:v>45190</c:v>
                </c:pt>
                <c:pt idx="4520">
                  <c:v>45200</c:v>
                </c:pt>
                <c:pt idx="4521">
                  <c:v>45210</c:v>
                </c:pt>
                <c:pt idx="4522">
                  <c:v>45220</c:v>
                </c:pt>
                <c:pt idx="4523">
                  <c:v>45230</c:v>
                </c:pt>
                <c:pt idx="4524">
                  <c:v>45240</c:v>
                </c:pt>
                <c:pt idx="4525">
                  <c:v>45250</c:v>
                </c:pt>
                <c:pt idx="4526">
                  <c:v>45260</c:v>
                </c:pt>
                <c:pt idx="4527">
                  <c:v>45270</c:v>
                </c:pt>
                <c:pt idx="4528">
                  <c:v>45280</c:v>
                </c:pt>
                <c:pt idx="4529">
                  <c:v>45290</c:v>
                </c:pt>
                <c:pt idx="4530">
                  <c:v>45300</c:v>
                </c:pt>
                <c:pt idx="4531">
                  <c:v>45310</c:v>
                </c:pt>
                <c:pt idx="4532">
                  <c:v>45320</c:v>
                </c:pt>
                <c:pt idx="4533">
                  <c:v>45330</c:v>
                </c:pt>
                <c:pt idx="4534">
                  <c:v>45340</c:v>
                </c:pt>
                <c:pt idx="4535">
                  <c:v>45350</c:v>
                </c:pt>
                <c:pt idx="4536">
                  <c:v>45360</c:v>
                </c:pt>
                <c:pt idx="4537">
                  <c:v>45370</c:v>
                </c:pt>
                <c:pt idx="4538">
                  <c:v>45380</c:v>
                </c:pt>
                <c:pt idx="4539">
                  <c:v>45390</c:v>
                </c:pt>
                <c:pt idx="4540">
                  <c:v>45400</c:v>
                </c:pt>
                <c:pt idx="4541">
                  <c:v>45410</c:v>
                </c:pt>
                <c:pt idx="4542">
                  <c:v>45420</c:v>
                </c:pt>
                <c:pt idx="4543">
                  <c:v>45430</c:v>
                </c:pt>
                <c:pt idx="4544">
                  <c:v>45440</c:v>
                </c:pt>
                <c:pt idx="4545">
                  <c:v>45450</c:v>
                </c:pt>
                <c:pt idx="4546">
                  <c:v>45460</c:v>
                </c:pt>
                <c:pt idx="4547">
                  <c:v>45470</c:v>
                </c:pt>
                <c:pt idx="4548">
                  <c:v>45480</c:v>
                </c:pt>
                <c:pt idx="4549">
                  <c:v>45490</c:v>
                </c:pt>
                <c:pt idx="4550">
                  <c:v>45500</c:v>
                </c:pt>
                <c:pt idx="4551">
                  <c:v>45510</c:v>
                </c:pt>
                <c:pt idx="4552">
                  <c:v>45520</c:v>
                </c:pt>
                <c:pt idx="4553">
                  <c:v>45530</c:v>
                </c:pt>
                <c:pt idx="4554">
                  <c:v>45540</c:v>
                </c:pt>
                <c:pt idx="4555">
                  <c:v>45550</c:v>
                </c:pt>
                <c:pt idx="4556">
                  <c:v>45560</c:v>
                </c:pt>
                <c:pt idx="4557">
                  <c:v>45570</c:v>
                </c:pt>
                <c:pt idx="4558">
                  <c:v>45580</c:v>
                </c:pt>
                <c:pt idx="4559">
                  <c:v>45590</c:v>
                </c:pt>
                <c:pt idx="4560">
                  <c:v>45600</c:v>
                </c:pt>
                <c:pt idx="4561">
                  <c:v>45610</c:v>
                </c:pt>
                <c:pt idx="4562">
                  <c:v>45620</c:v>
                </c:pt>
                <c:pt idx="4563">
                  <c:v>45630</c:v>
                </c:pt>
                <c:pt idx="4564">
                  <c:v>45640</c:v>
                </c:pt>
                <c:pt idx="4565">
                  <c:v>45650</c:v>
                </c:pt>
                <c:pt idx="4566">
                  <c:v>45660</c:v>
                </c:pt>
                <c:pt idx="4567">
                  <c:v>45670</c:v>
                </c:pt>
                <c:pt idx="4568">
                  <c:v>45680</c:v>
                </c:pt>
                <c:pt idx="4569">
                  <c:v>45690</c:v>
                </c:pt>
                <c:pt idx="4570">
                  <c:v>45700</c:v>
                </c:pt>
                <c:pt idx="4571">
                  <c:v>45710</c:v>
                </c:pt>
                <c:pt idx="4572">
                  <c:v>45720</c:v>
                </c:pt>
                <c:pt idx="4573">
                  <c:v>45730</c:v>
                </c:pt>
                <c:pt idx="4574">
                  <c:v>45740</c:v>
                </c:pt>
                <c:pt idx="4575">
                  <c:v>45750</c:v>
                </c:pt>
                <c:pt idx="4576">
                  <c:v>45760</c:v>
                </c:pt>
                <c:pt idx="4577">
                  <c:v>45770</c:v>
                </c:pt>
                <c:pt idx="4578">
                  <c:v>45780</c:v>
                </c:pt>
                <c:pt idx="4579">
                  <c:v>45790</c:v>
                </c:pt>
                <c:pt idx="4580">
                  <c:v>45800</c:v>
                </c:pt>
                <c:pt idx="4581">
                  <c:v>45810</c:v>
                </c:pt>
                <c:pt idx="4582">
                  <c:v>45820</c:v>
                </c:pt>
                <c:pt idx="4583">
                  <c:v>45830</c:v>
                </c:pt>
                <c:pt idx="4584">
                  <c:v>45840</c:v>
                </c:pt>
                <c:pt idx="4585">
                  <c:v>45850</c:v>
                </c:pt>
                <c:pt idx="4586">
                  <c:v>45860</c:v>
                </c:pt>
                <c:pt idx="4587">
                  <c:v>45870</c:v>
                </c:pt>
                <c:pt idx="4588">
                  <c:v>45880</c:v>
                </c:pt>
                <c:pt idx="4589">
                  <c:v>45890</c:v>
                </c:pt>
                <c:pt idx="4590">
                  <c:v>45900</c:v>
                </c:pt>
                <c:pt idx="4591">
                  <c:v>45910</c:v>
                </c:pt>
                <c:pt idx="4592">
                  <c:v>45920</c:v>
                </c:pt>
                <c:pt idx="4593">
                  <c:v>45930</c:v>
                </c:pt>
                <c:pt idx="4594">
                  <c:v>45940</c:v>
                </c:pt>
                <c:pt idx="4595">
                  <c:v>45950</c:v>
                </c:pt>
                <c:pt idx="4596">
                  <c:v>45960</c:v>
                </c:pt>
                <c:pt idx="4597">
                  <c:v>45970</c:v>
                </c:pt>
                <c:pt idx="4598">
                  <c:v>45980</c:v>
                </c:pt>
                <c:pt idx="4599">
                  <c:v>45990</c:v>
                </c:pt>
                <c:pt idx="4600">
                  <c:v>46000</c:v>
                </c:pt>
                <c:pt idx="4601">
                  <c:v>46010</c:v>
                </c:pt>
                <c:pt idx="4602">
                  <c:v>46020</c:v>
                </c:pt>
                <c:pt idx="4603">
                  <c:v>46030</c:v>
                </c:pt>
                <c:pt idx="4604">
                  <c:v>46040</c:v>
                </c:pt>
                <c:pt idx="4605">
                  <c:v>46050</c:v>
                </c:pt>
                <c:pt idx="4606">
                  <c:v>46060</c:v>
                </c:pt>
                <c:pt idx="4607">
                  <c:v>46070</c:v>
                </c:pt>
                <c:pt idx="4608">
                  <c:v>46080</c:v>
                </c:pt>
                <c:pt idx="4609">
                  <c:v>46090</c:v>
                </c:pt>
                <c:pt idx="4610">
                  <c:v>46100</c:v>
                </c:pt>
                <c:pt idx="4611">
                  <c:v>46110</c:v>
                </c:pt>
                <c:pt idx="4612">
                  <c:v>46120</c:v>
                </c:pt>
                <c:pt idx="4613">
                  <c:v>46130</c:v>
                </c:pt>
                <c:pt idx="4614">
                  <c:v>46140</c:v>
                </c:pt>
                <c:pt idx="4615">
                  <c:v>46150</c:v>
                </c:pt>
                <c:pt idx="4616">
                  <c:v>46160</c:v>
                </c:pt>
                <c:pt idx="4617">
                  <c:v>46170</c:v>
                </c:pt>
                <c:pt idx="4618">
                  <c:v>46180</c:v>
                </c:pt>
                <c:pt idx="4619">
                  <c:v>46190</c:v>
                </c:pt>
                <c:pt idx="4620">
                  <c:v>46200</c:v>
                </c:pt>
                <c:pt idx="4621">
                  <c:v>46210</c:v>
                </c:pt>
                <c:pt idx="4622">
                  <c:v>46220</c:v>
                </c:pt>
                <c:pt idx="4623">
                  <c:v>46230</c:v>
                </c:pt>
                <c:pt idx="4624">
                  <c:v>46240</c:v>
                </c:pt>
                <c:pt idx="4625">
                  <c:v>46250</c:v>
                </c:pt>
                <c:pt idx="4626">
                  <c:v>46260</c:v>
                </c:pt>
                <c:pt idx="4627">
                  <c:v>46270</c:v>
                </c:pt>
                <c:pt idx="4628">
                  <c:v>46280</c:v>
                </c:pt>
                <c:pt idx="4629">
                  <c:v>46290</c:v>
                </c:pt>
                <c:pt idx="4630">
                  <c:v>46300</c:v>
                </c:pt>
                <c:pt idx="4631">
                  <c:v>46310</c:v>
                </c:pt>
                <c:pt idx="4632">
                  <c:v>46320</c:v>
                </c:pt>
                <c:pt idx="4633">
                  <c:v>46330</c:v>
                </c:pt>
                <c:pt idx="4634">
                  <c:v>46340</c:v>
                </c:pt>
                <c:pt idx="4635">
                  <c:v>46350</c:v>
                </c:pt>
                <c:pt idx="4636">
                  <c:v>46360</c:v>
                </c:pt>
                <c:pt idx="4637">
                  <c:v>46370</c:v>
                </c:pt>
                <c:pt idx="4638">
                  <c:v>46380</c:v>
                </c:pt>
                <c:pt idx="4639">
                  <c:v>46390</c:v>
                </c:pt>
                <c:pt idx="4640">
                  <c:v>46400</c:v>
                </c:pt>
                <c:pt idx="4641">
                  <c:v>46410</c:v>
                </c:pt>
                <c:pt idx="4642">
                  <c:v>46420</c:v>
                </c:pt>
                <c:pt idx="4643">
                  <c:v>46430</c:v>
                </c:pt>
                <c:pt idx="4644">
                  <c:v>46440</c:v>
                </c:pt>
                <c:pt idx="4645">
                  <c:v>46450</c:v>
                </c:pt>
                <c:pt idx="4646">
                  <c:v>46460</c:v>
                </c:pt>
                <c:pt idx="4647">
                  <c:v>46470</c:v>
                </c:pt>
                <c:pt idx="4648">
                  <c:v>46480</c:v>
                </c:pt>
                <c:pt idx="4649">
                  <c:v>46490</c:v>
                </c:pt>
                <c:pt idx="4650">
                  <c:v>46500</c:v>
                </c:pt>
                <c:pt idx="4651">
                  <c:v>46510</c:v>
                </c:pt>
                <c:pt idx="4652">
                  <c:v>46520</c:v>
                </c:pt>
                <c:pt idx="4653">
                  <c:v>46530</c:v>
                </c:pt>
                <c:pt idx="4654">
                  <c:v>46540</c:v>
                </c:pt>
                <c:pt idx="4655">
                  <c:v>46550</c:v>
                </c:pt>
                <c:pt idx="4656">
                  <c:v>46560</c:v>
                </c:pt>
                <c:pt idx="4657">
                  <c:v>46570</c:v>
                </c:pt>
                <c:pt idx="4658">
                  <c:v>46580</c:v>
                </c:pt>
                <c:pt idx="4659">
                  <c:v>46590</c:v>
                </c:pt>
                <c:pt idx="4660">
                  <c:v>46600</c:v>
                </c:pt>
                <c:pt idx="4661">
                  <c:v>46610</c:v>
                </c:pt>
                <c:pt idx="4662">
                  <c:v>46620</c:v>
                </c:pt>
                <c:pt idx="4663">
                  <c:v>46630</c:v>
                </c:pt>
                <c:pt idx="4664">
                  <c:v>46640</c:v>
                </c:pt>
                <c:pt idx="4665">
                  <c:v>46650</c:v>
                </c:pt>
                <c:pt idx="4666">
                  <c:v>46660</c:v>
                </c:pt>
                <c:pt idx="4667">
                  <c:v>46670</c:v>
                </c:pt>
                <c:pt idx="4668">
                  <c:v>46680</c:v>
                </c:pt>
                <c:pt idx="4669">
                  <c:v>46690</c:v>
                </c:pt>
                <c:pt idx="4670">
                  <c:v>46700</c:v>
                </c:pt>
                <c:pt idx="4671">
                  <c:v>46710</c:v>
                </c:pt>
                <c:pt idx="4672">
                  <c:v>46720</c:v>
                </c:pt>
                <c:pt idx="4673">
                  <c:v>46730</c:v>
                </c:pt>
                <c:pt idx="4674">
                  <c:v>46740</c:v>
                </c:pt>
                <c:pt idx="4675">
                  <c:v>46750</c:v>
                </c:pt>
                <c:pt idx="4676">
                  <c:v>46760</c:v>
                </c:pt>
                <c:pt idx="4677">
                  <c:v>46770</c:v>
                </c:pt>
                <c:pt idx="4678">
                  <c:v>46780</c:v>
                </c:pt>
                <c:pt idx="4679">
                  <c:v>46790</c:v>
                </c:pt>
                <c:pt idx="4680">
                  <c:v>46800</c:v>
                </c:pt>
                <c:pt idx="4681">
                  <c:v>46810</c:v>
                </c:pt>
                <c:pt idx="4682">
                  <c:v>46820</c:v>
                </c:pt>
                <c:pt idx="4683">
                  <c:v>46830</c:v>
                </c:pt>
                <c:pt idx="4684">
                  <c:v>46840</c:v>
                </c:pt>
                <c:pt idx="4685">
                  <c:v>46850</c:v>
                </c:pt>
                <c:pt idx="4686">
                  <c:v>46860</c:v>
                </c:pt>
                <c:pt idx="4687">
                  <c:v>46870</c:v>
                </c:pt>
                <c:pt idx="4688">
                  <c:v>46880</c:v>
                </c:pt>
                <c:pt idx="4689">
                  <c:v>46890</c:v>
                </c:pt>
                <c:pt idx="4690">
                  <c:v>46900</c:v>
                </c:pt>
                <c:pt idx="4691">
                  <c:v>46910</c:v>
                </c:pt>
                <c:pt idx="4692">
                  <c:v>46920</c:v>
                </c:pt>
                <c:pt idx="4693">
                  <c:v>46930</c:v>
                </c:pt>
                <c:pt idx="4694">
                  <c:v>46940</c:v>
                </c:pt>
                <c:pt idx="4695">
                  <c:v>46950</c:v>
                </c:pt>
                <c:pt idx="4696">
                  <c:v>46960</c:v>
                </c:pt>
                <c:pt idx="4697">
                  <c:v>46970</c:v>
                </c:pt>
                <c:pt idx="4698">
                  <c:v>46980</c:v>
                </c:pt>
                <c:pt idx="4699">
                  <c:v>46990</c:v>
                </c:pt>
                <c:pt idx="4700">
                  <c:v>47000</c:v>
                </c:pt>
                <c:pt idx="4701">
                  <c:v>47010</c:v>
                </c:pt>
                <c:pt idx="4702">
                  <c:v>47020</c:v>
                </c:pt>
                <c:pt idx="4703">
                  <c:v>47030</c:v>
                </c:pt>
                <c:pt idx="4704">
                  <c:v>47040</c:v>
                </c:pt>
                <c:pt idx="4705">
                  <c:v>47050</c:v>
                </c:pt>
                <c:pt idx="4706">
                  <c:v>47060</c:v>
                </c:pt>
                <c:pt idx="4707">
                  <c:v>47070</c:v>
                </c:pt>
                <c:pt idx="4708">
                  <c:v>47080</c:v>
                </c:pt>
                <c:pt idx="4709">
                  <c:v>47090</c:v>
                </c:pt>
                <c:pt idx="4710">
                  <c:v>47100</c:v>
                </c:pt>
                <c:pt idx="4711">
                  <c:v>47110</c:v>
                </c:pt>
                <c:pt idx="4712">
                  <c:v>47120</c:v>
                </c:pt>
                <c:pt idx="4713">
                  <c:v>47130</c:v>
                </c:pt>
                <c:pt idx="4714">
                  <c:v>47140</c:v>
                </c:pt>
                <c:pt idx="4715">
                  <c:v>47150</c:v>
                </c:pt>
                <c:pt idx="4716">
                  <c:v>47160</c:v>
                </c:pt>
                <c:pt idx="4717">
                  <c:v>47170</c:v>
                </c:pt>
                <c:pt idx="4718">
                  <c:v>47180</c:v>
                </c:pt>
                <c:pt idx="4719">
                  <c:v>47190</c:v>
                </c:pt>
                <c:pt idx="4720">
                  <c:v>47200</c:v>
                </c:pt>
                <c:pt idx="4721">
                  <c:v>47210</c:v>
                </c:pt>
                <c:pt idx="4722">
                  <c:v>47220</c:v>
                </c:pt>
                <c:pt idx="4723">
                  <c:v>47230</c:v>
                </c:pt>
                <c:pt idx="4724">
                  <c:v>47240</c:v>
                </c:pt>
                <c:pt idx="4725">
                  <c:v>47250</c:v>
                </c:pt>
                <c:pt idx="4726">
                  <c:v>47260</c:v>
                </c:pt>
                <c:pt idx="4727">
                  <c:v>47270</c:v>
                </c:pt>
                <c:pt idx="4728">
                  <c:v>47280</c:v>
                </c:pt>
                <c:pt idx="4729">
                  <c:v>47290</c:v>
                </c:pt>
                <c:pt idx="4730">
                  <c:v>47300</c:v>
                </c:pt>
                <c:pt idx="4731">
                  <c:v>47310</c:v>
                </c:pt>
                <c:pt idx="4732">
                  <c:v>47320</c:v>
                </c:pt>
                <c:pt idx="4733">
                  <c:v>47330</c:v>
                </c:pt>
                <c:pt idx="4734">
                  <c:v>47340</c:v>
                </c:pt>
                <c:pt idx="4735">
                  <c:v>47350</c:v>
                </c:pt>
                <c:pt idx="4736">
                  <c:v>47360</c:v>
                </c:pt>
                <c:pt idx="4737">
                  <c:v>47370</c:v>
                </c:pt>
                <c:pt idx="4738">
                  <c:v>47380</c:v>
                </c:pt>
                <c:pt idx="4739">
                  <c:v>47390</c:v>
                </c:pt>
                <c:pt idx="4740">
                  <c:v>47400</c:v>
                </c:pt>
                <c:pt idx="4741">
                  <c:v>47410</c:v>
                </c:pt>
                <c:pt idx="4742">
                  <c:v>47420</c:v>
                </c:pt>
                <c:pt idx="4743">
                  <c:v>47430</c:v>
                </c:pt>
                <c:pt idx="4744">
                  <c:v>47440</c:v>
                </c:pt>
                <c:pt idx="4745">
                  <c:v>47450</c:v>
                </c:pt>
                <c:pt idx="4746">
                  <c:v>47460</c:v>
                </c:pt>
                <c:pt idx="4747">
                  <c:v>47470</c:v>
                </c:pt>
                <c:pt idx="4748">
                  <c:v>47480</c:v>
                </c:pt>
                <c:pt idx="4749">
                  <c:v>47490</c:v>
                </c:pt>
                <c:pt idx="4750">
                  <c:v>47500</c:v>
                </c:pt>
                <c:pt idx="4751">
                  <c:v>47510</c:v>
                </c:pt>
                <c:pt idx="4752">
                  <c:v>47520</c:v>
                </c:pt>
                <c:pt idx="4753">
                  <c:v>47530</c:v>
                </c:pt>
                <c:pt idx="4754">
                  <c:v>47540</c:v>
                </c:pt>
                <c:pt idx="4755">
                  <c:v>47550</c:v>
                </c:pt>
                <c:pt idx="4756">
                  <c:v>47560</c:v>
                </c:pt>
                <c:pt idx="4757">
                  <c:v>47570</c:v>
                </c:pt>
                <c:pt idx="4758">
                  <c:v>47580</c:v>
                </c:pt>
                <c:pt idx="4759">
                  <c:v>47590</c:v>
                </c:pt>
                <c:pt idx="4760">
                  <c:v>47600</c:v>
                </c:pt>
                <c:pt idx="4761">
                  <c:v>47610</c:v>
                </c:pt>
                <c:pt idx="4762">
                  <c:v>47620</c:v>
                </c:pt>
                <c:pt idx="4763">
                  <c:v>47630</c:v>
                </c:pt>
                <c:pt idx="4764">
                  <c:v>47640</c:v>
                </c:pt>
                <c:pt idx="4765">
                  <c:v>47650</c:v>
                </c:pt>
                <c:pt idx="4766">
                  <c:v>47660</c:v>
                </c:pt>
                <c:pt idx="4767">
                  <c:v>47670</c:v>
                </c:pt>
                <c:pt idx="4768">
                  <c:v>47680</c:v>
                </c:pt>
                <c:pt idx="4769">
                  <c:v>47690</c:v>
                </c:pt>
                <c:pt idx="4770">
                  <c:v>47700</c:v>
                </c:pt>
                <c:pt idx="4771">
                  <c:v>47710</c:v>
                </c:pt>
                <c:pt idx="4772">
                  <c:v>47720</c:v>
                </c:pt>
                <c:pt idx="4773">
                  <c:v>47730</c:v>
                </c:pt>
                <c:pt idx="4774">
                  <c:v>47740</c:v>
                </c:pt>
                <c:pt idx="4775">
                  <c:v>47750</c:v>
                </c:pt>
                <c:pt idx="4776">
                  <c:v>47760</c:v>
                </c:pt>
                <c:pt idx="4777">
                  <c:v>47770</c:v>
                </c:pt>
                <c:pt idx="4778">
                  <c:v>47780</c:v>
                </c:pt>
                <c:pt idx="4779">
                  <c:v>47790</c:v>
                </c:pt>
                <c:pt idx="4780">
                  <c:v>47800</c:v>
                </c:pt>
                <c:pt idx="4781">
                  <c:v>47810</c:v>
                </c:pt>
                <c:pt idx="4782">
                  <c:v>47820</c:v>
                </c:pt>
                <c:pt idx="4783">
                  <c:v>47830</c:v>
                </c:pt>
                <c:pt idx="4784">
                  <c:v>47840</c:v>
                </c:pt>
                <c:pt idx="4785">
                  <c:v>47850</c:v>
                </c:pt>
                <c:pt idx="4786">
                  <c:v>47860</c:v>
                </c:pt>
                <c:pt idx="4787">
                  <c:v>47870</c:v>
                </c:pt>
                <c:pt idx="4788">
                  <c:v>47880</c:v>
                </c:pt>
                <c:pt idx="4789">
                  <c:v>47890</c:v>
                </c:pt>
                <c:pt idx="4790">
                  <c:v>47900</c:v>
                </c:pt>
                <c:pt idx="4791">
                  <c:v>47910</c:v>
                </c:pt>
                <c:pt idx="4792">
                  <c:v>47920</c:v>
                </c:pt>
                <c:pt idx="4793">
                  <c:v>47930</c:v>
                </c:pt>
                <c:pt idx="4794">
                  <c:v>47940</c:v>
                </c:pt>
                <c:pt idx="4795">
                  <c:v>47950</c:v>
                </c:pt>
                <c:pt idx="4796">
                  <c:v>47960</c:v>
                </c:pt>
                <c:pt idx="4797">
                  <c:v>47970</c:v>
                </c:pt>
                <c:pt idx="4798">
                  <c:v>47980</c:v>
                </c:pt>
                <c:pt idx="4799">
                  <c:v>47990</c:v>
                </c:pt>
                <c:pt idx="4800">
                  <c:v>48000</c:v>
                </c:pt>
                <c:pt idx="4801">
                  <c:v>48010</c:v>
                </c:pt>
                <c:pt idx="4802">
                  <c:v>48020</c:v>
                </c:pt>
                <c:pt idx="4803">
                  <c:v>48030</c:v>
                </c:pt>
                <c:pt idx="4804">
                  <c:v>48040</c:v>
                </c:pt>
                <c:pt idx="4805">
                  <c:v>48050</c:v>
                </c:pt>
                <c:pt idx="4806">
                  <c:v>48060</c:v>
                </c:pt>
                <c:pt idx="4807">
                  <c:v>48070</c:v>
                </c:pt>
                <c:pt idx="4808">
                  <c:v>48080</c:v>
                </c:pt>
                <c:pt idx="4809">
                  <c:v>48090</c:v>
                </c:pt>
                <c:pt idx="4810">
                  <c:v>48100</c:v>
                </c:pt>
                <c:pt idx="4811">
                  <c:v>48110</c:v>
                </c:pt>
                <c:pt idx="4812">
                  <c:v>48120</c:v>
                </c:pt>
                <c:pt idx="4813">
                  <c:v>48130</c:v>
                </c:pt>
                <c:pt idx="4814">
                  <c:v>48140</c:v>
                </c:pt>
                <c:pt idx="4815">
                  <c:v>48150</c:v>
                </c:pt>
                <c:pt idx="4816">
                  <c:v>48160</c:v>
                </c:pt>
                <c:pt idx="4817">
                  <c:v>48170</c:v>
                </c:pt>
                <c:pt idx="4818">
                  <c:v>48180</c:v>
                </c:pt>
                <c:pt idx="4819">
                  <c:v>48190</c:v>
                </c:pt>
                <c:pt idx="4820">
                  <c:v>48200</c:v>
                </c:pt>
                <c:pt idx="4821">
                  <c:v>48210</c:v>
                </c:pt>
                <c:pt idx="4822">
                  <c:v>48220</c:v>
                </c:pt>
                <c:pt idx="4823">
                  <c:v>48230</c:v>
                </c:pt>
                <c:pt idx="4824">
                  <c:v>48240</c:v>
                </c:pt>
                <c:pt idx="4825">
                  <c:v>48250</c:v>
                </c:pt>
                <c:pt idx="4826">
                  <c:v>48260</c:v>
                </c:pt>
                <c:pt idx="4827">
                  <c:v>48270</c:v>
                </c:pt>
                <c:pt idx="4828">
                  <c:v>48280</c:v>
                </c:pt>
                <c:pt idx="4829">
                  <c:v>48290</c:v>
                </c:pt>
                <c:pt idx="4830">
                  <c:v>48300</c:v>
                </c:pt>
                <c:pt idx="4831">
                  <c:v>48310</c:v>
                </c:pt>
                <c:pt idx="4832">
                  <c:v>48320</c:v>
                </c:pt>
                <c:pt idx="4833">
                  <c:v>48330</c:v>
                </c:pt>
                <c:pt idx="4834">
                  <c:v>48340</c:v>
                </c:pt>
                <c:pt idx="4835">
                  <c:v>48350</c:v>
                </c:pt>
                <c:pt idx="4836">
                  <c:v>48360</c:v>
                </c:pt>
                <c:pt idx="4837">
                  <c:v>48370</c:v>
                </c:pt>
                <c:pt idx="4838">
                  <c:v>48380</c:v>
                </c:pt>
                <c:pt idx="4839">
                  <c:v>48390</c:v>
                </c:pt>
                <c:pt idx="4840">
                  <c:v>48400</c:v>
                </c:pt>
                <c:pt idx="4841">
                  <c:v>48410</c:v>
                </c:pt>
                <c:pt idx="4842">
                  <c:v>48420</c:v>
                </c:pt>
                <c:pt idx="4843">
                  <c:v>48430</c:v>
                </c:pt>
                <c:pt idx="4844">
                  <c:v>48440</c:v>
                </c:pt>
                <c:pt idx="4845">
                  <c:v>48450</c:v>
                </c:pt>
                <c:pt idx="4846">
                  <c:v>48460</c:v>
                </c:pt>
                <c:pt idx="4847">
                  <c:v>48470</c:v>
                </c:pt>
                <c:pt idx="4848">
                  <c:v>48480</c:v>
                </c:pt>
                <c:pt idx="4849">
                  <c:v>48490</c:v>
                </c:pt>
                <c:pt idx="4850">
                  <c:v>48500</c:v>
                </c:pt>
                <c:pt idx="4851">
                  <c:v>48510</c:v>
                </c:pt>
                <c:pt idx="4852">
                  <c:v>48520</c:v>
                </c:pt>
                <c:pt idx="4853">
                  <c:v>48530</c:v>
                </c:pt>
                <c:pt idx="4854">
                  <c:v>48540</c:v>
                </c:pt>
                <c:pt idx="4855">
                  <c:v>48550</c:v>
                </c:pt>
                <c:pt idx="4856">
                  <c:v>48560</c:v>
                </c:pt>
                <c:pt idx="4857">
                  <c:v>48570</c:v>
                </c:pt>
                <c:pt idx="4858">
                  <c:v>48580</c:v>
                </c:pt>
                <c:pt idx="4859">
                  <c:v>48590</c:v>
                </c:pt>
                <c:pt idx="4860">
                  <c:v>48600</c:v>
                </c:pt>
                <c:pt idx="4861">
                  <c:v>48610</c:v>
                </c:pt>
                <c:pt idx="4862">
                  <c:v>48620</c:v>
                </c:pt>
                <c:pt idx="4863">
                  <c:v>48630</c:v>
                </c:pt>
                <c:pt idx="4864">
                  <c:v>48640</c:v>
                </c:pt>
                <c:pt idx="4865">
                  <c:v>48650</c:v>
                </c:pt>
                <c:pt idx="4866">
                  <c:v>48660</c:v>
                </c:pt>
                <c:pt idx="4867">
                  <c:v>48670</c:v>
                </c:pt>
                <c:pt idx="4868">
                  <c:v>48680</c:v>
                </c:pt>
                <c:pt idx="4869">
                  <c:v>48690</c:v>
                </c:pt>
                <c:pt idx="4870">
                  <c:v>48700</c:v>
                </c:pt>
                <c:pt idx="4871">
                  <c:v>48710</c:v>
                </c:pt>
                <c:pt idx="4872">
                  <c:v>48720</c:v>
                </c:pt>
                <c:pt idx="4873">
                  <c:v>48730</c:v>
                </c:pt>
                <c:pt idx="4874">
                  <c:v>48740</c:v>
                </c:pt>
                <c:pt idx="4875">
                  <c:v>48750</c:v>
                </c:pt>
                <c:pt idx="4876">
                  <c:v>48760</c:v>
                </c:pt>
                <c:pt idx="4877">
                  <c:v>48770</c:v>
                </c:pt>
                <c:pt idx="4878">
                  <c:v>48780</c:v>
                </c:pt>
                <c:pt idx="4879">
                  <c:v>48790</c:v>
                </c:pt>
                <c:pt idx="4880">
                  <c:v>48800</c:v>
                </c:pt>
                <c:pt idx="4881">
                  <c:v>48810</c:v>
                </c:pt>
                <c:pt idx="4882">
                  <c:v>48820</c:v>
                </c:pt>
                <c:pt idx="4883">
                  <c:v>48830</c:v>
                </c:pt>
                <c:pt idx="4884">
                  <c:v>48840</c:v>
                </c:pt>
                <c:pt idx="4885">
                  <c:v>48850</c:v>
                </c:pt>
                <c:pt idx="4886">
                  <c:v>48860</c:v>
                </c:pt>
                <c:pt idx="4887">
                  <c:v>48870</c:v>
                </c:pt>
                <c:pt idx="4888">
                  <c:v>48880</c:v>
                </c:pt>
                <c:pt idx="4889">
                  <c:v>48890</c:v>
                </c:pt>
                <c:pt idx="4890">
                  <c:v>48900</c:v>
                </c:pt>
                <c:pt idx="4891">
                  <c:v>48910</c:v>
                </c:pt>
                <c:pt idx="4892">
                  <c:v>48920</c:v>
                </c:pt>
                <c:pt idx="4893">
                  <c:v>48930</c:v>
                </c:pt>
                <c:pt idx="4894">
                  <c:v>48940</c:v>
                </c:pt>
                <c:pt idx="4895">
                  <c:v>48950</c:v>
                </c:pt>
                <c:pt idx="4896">
                  <c:v>48960</c:v>
                </c:pt>
                <c:pt idx="4897">
                  <c:v>48970</c:v>
                </c:pt>
                <c:pt idx="4898">
                  <c:v>48980</c:v>
                </c:pt>
                <c:pt idx="4899">
                  <c:v>48990</c:v>
                </c:pt>
                <c:pt idx="4900">
                  <c:v>49000</c:v>
                </c:pt>
                <c:pt idx="4901">
                  <c:v>49010</c:v>
                </c:pt>
                <c:pt idx="4902">
                  <c:v>49020</c:v>
                </c:pt>
                <c:pt idx="4903">
                  <c:v>49030</c:v>
                </c:pt>
                <c:pt idx="4904">
                  <c:v>49040</c:v>
                </c:pt>
                <c:pt idx="4905">
                  <c:v>49050</c:v>
                </c:pt>
                <c:pt idx="4906">
                  <c:v>49060</c:v>
                </c:pt>
                <c:pt idx="4907">
                  <c:v>49070</c:v>
                </c:pt>
                <c:pt idx="4908">
                  <c:v>49080</c:v>
                </c:pt>
                <c:pt idx="4909">
                  <c:v>49090</c:v>
                </c:pt>
                <c:pt idx="4910">
                  <c:v>49100</c:v>
                </c:pt>
                <c:pt idx="4911">
                  <c:v>49110</c:v>
                </c:pt>
                <c:pt idx="4912">
                  <c:v>49120</c:v>
                </c:pt>
                <c:pt idx="4913">
                  <c:v>49130</c:v>
                </c:pt>
                <c:pt idx="4914">
                  <c:v>49140</c:v>
                </c:pt>
                <c:pt idx="4915">
                  <c:v>49150</c:v>
                </c:pt>
                <c:pt idx="4916">
                  <c:v>49160</c:v>
                </c:pt>
                <c:pt idx="4917">
                  <c:v>49170</c:v>
                </c:pt>
                <c:pt idx="4918">
                  <c:v>49180</c:v>
                </c:pt>
                <c:pt idx="4919">
                  <c:v>49190</c:v>
                </c:pt>
                <c:pt idx="4920">
                  <c:v>49200</c:v>
                </c:pt>
                <c:pt idx="4921">
                  <c:v>49210</c:v>
                </c:pt>
                <c:pt idx="4922">
                  <c:v>49220</c:v>
                </c:pt>
                <c:pt idx="4923">
                  <c:v>49230</c:v>
                </c:pt>
                <c:pt idx="4924">
                  <c:v>49240</c:v>
                </c:pt>
                <c:pt idx="4925">
                  <c:v>49250</c:v>
                </c:pt>
                <c:pt idx="4926">
                  <c:v>49260</c:v>
                </c:pt>
                <c:pt idx="4927">
                  <c:v>49270</c:v>
                </c:pt>
                <c:pt idx="4928">
                  <c:v>49280</c:v>
                </c:pt>
                <c:pt idx="4929">
                  <c:v>49290</c:v>
                </c:pt>
                <c:pt idx="4930">
                  <c:v>49300</c:v>
                </c:pt>
                <c:pt idx="4931">
                  <c:v>49310</c:v>
                </c:pt>
                <c:pt idx="4932">
                  <c:v>49320</c:v>
                </c:pt>
                <c:pt idx="4933">
                  <c:v>49330</c:v>
                </c:pt>
                <c:pt idx="4934">
                  <c:v>49340</c:v>
                </c:pt>
                <c:pt idx="4935">
                  <c:v>49350</c:v>
                </c:pt>
                <c:pt idx="4936">
                  <c:v>49360</c:v>
                </c:pt>
                <c:pt idx="4937">
                  <c:v>49370</c:v>
                </c:pt>
                <c:pt idx="4938">
                  <c:v>49380</c:v>
                </c:pt>
                <c:pt idx="4939">
                  <c:v>49390</c:v>
                </c:pt>
                <c:pt idx="4940">
                  <c:v>49400</c:v>
                </c:pt>
                <c:pt idx="4941">
                  <c:v>49410</c:v>
                </c:pt>
                <c:pt idx="4942">
                  <c:v>49420</c:v>
                </c:pt>
                <c:pt idx="4943">
                  <c:v>49430</c:v>
                </c:pt>
                <c:pt idx="4944">
                  <c:v>49440</c:v>
                </c:pt>
                <c:pt idx="4945">
                  <c:v>49450</c:v>
                </c:pt>
                <c:pt idx="4946">
                  <c:v>49460</c:v>
                </c:pt>
                <c:pt idx="4947">
                  <c:v>49470</c:v>
                </c:pt>
                <c:pt idx="4948">
                  <c:v>49480</c:v>
                </c:pt>
                <c:pt idx="4949">
                  <c:v>49490</c:v>
                </c:pt>
                <c:pt idx="4950">
                  <c:v>49500</c:v>
                </c:pt>
                <c:pt idx="4951">
                  <c:v>49510</c:v>
                </c:pt>
                <c:pt idx="4952">
                  <c:v>49520</c:v>
                </c:pt>
                <c:pt idx="4953">
                  <c:v>49530</c:v>
                </c:pt>
                <c:pt idx="4954">
                  <c:v>49540</c:v>
                </c:pt>
                <c:pt idx="4955">
                  <c:v>49550</c:v>
                </c:pt>
                <c:pt idx="4956">
                  <c:v>49560</c:v>
                </c:pt>
                <c:pt idx="4957">
                  <c:v>49570</c:v>
                </c:pt>
                <c:pt idx="4958">
                  <c:v>49580</c:v>
                </c:pt>
                <c:pt idx="4959">
                  <c:v>49590</c:v>
                </c:pt>
                <c:pt idx="4960">
                  <c:v>49600</c:v>
                </c:pt>
                <c:pt idx="4961">
                  <c:v>49610</c:v>
                </c:pt>
                <c:pt idx="4962">
                  <c:v>49620</c:v>
                </c:pt>
                <c:pt idx="4963">
                  <c:v>49630</c:v>
                </c:pt>
                <c:pt idx="4964">
                  <c:v>49640</c:v>
                </c:pt>
                <c:pt idx="4965">
                  <c:v>49650</c:v>
                </c:pt>
                <c:pt idx="4966">
                  <c:v>49660</c:v>
                </c:pt>
                <c:pt idx="4967">
                  <c:v>49670</c:v>
                </c:pt>
                <c:pt idx="4968">
                  <c:v>49680</c:v>
                </c:pt>
                <c:pt idx="4969">
                  <c:v>49690</c:v>
                </c:pt>
                <c:pt idx="4970">
                  <c:v>49700</c:v>
                </c:pt>
                <c:pt idx="4971">
                  <c:v>49710</c:v>
                </c:pt>
                <c:pt idx="4972">
                  <c:v>49720</c:v>
                </c:pt>
                <c:pt idx="4973">
                  <c:v>49730</c:v>
                </c:pt>
                <c:pt idx="4974">
                  <c:v>49740</c:v>
                </c:pt>
                <c:pt idx="4975">
                  <c:v>49750</c:v>
                </c:pt>
                <c:pt idx="4976">
                  <c:v>49760</c:v>
                </c:pt>
                <c:pt idx="4977">
                  <c:v>49770</c:v>
                </c:pt>
                <c:pt idx="4978">
                  <c:v>49780</c:v>
                </c:pt>
                <c:pt idx="4979">
                  <c:v>49790</c:v>
                </c:pt>
                <c:pt idx="4980">
                  <c:v>49800</c:v>
                </c:pt>
                <c:pt idx="4981">
                  <c:v>49810</c:v>
                </c:pt>
                <c:pt idx="4982">
                  <c:v>49820</c:v>
                </c:pt>
                <c:pt idx="4983">
                  <c:v>49830</c:v>
                </c:pt>
                <c:pt idx="4984">
                  <c:v>49840</c:v>
                </c:pt>
                <c:pt idx="4985">
                  <c:v>49850</c:v>
                </c:pt>
                <c:pt idx="4986">
                  <c:v>49860</c:v>
                </c:pt>
                <c:pt idx="4987">
                  <c:v>49870</c:v>
                </c:pt>
                <c:pt idx="4988">
                  <c:v>49880</c:v>
                </c:pt>
                <c:pt idx="4989">
                  <c:v>49890</c:v>
                </c:pt>
                <c:pt idx="4990">
                  <c:v>49900</c:v>
                </c:pt>
                <c:pt idx="4991">
                  <c:v>49910</c:v>
                </c:pt>
                <c:pt idx="4992">
                  <c:v>49920</c:v>
                </c:pt>
                <c:pt idx="4993">
                  <c:v>49930</c:v>
                </c:pt>
                <c:pt idx="4994">
                  <c:v>49940</c:v>
                </c:pt>
                <c:pt idx="4995">
                  <c:v>49950</c:v>
                </c:pt>
                <c:pt idx="4996">
                  <c:v>49960</c:v>
                </c:pt>
                <c:pt idx="4997">
                  <c:v>49970</c:v>
                </c:pt>
                <c:pt idx="4998">
                  <c:v>49980</c:v>
                </c:pt>
                <c:pt idx="4999">
                  <c:v>49990</c:v>
                </c:pt>
                <c:pt idx="5000">
                  <c:v>50000</c:v>
                </c:pt>
                <c:pt idx="5001">
                  <c:v>50010</c:v>
                </c:pt>
                <c:pt idx="5002">
                  <c:v>50020</c:v>
                </c:pt>
                <c:pt idx="5003">
                  <c:v>50030</c:v>
                </c:pt>
                <c:pt idx="5004">
                  <c:v>50040</c:v>
                </c:pt>
                <c:pt idx="5005">
                  <c:v>50050</c:v>
                </c:pt>
                <c:pt idx="5006">
                  <c:v>50060</c:v>
                </c:pt>
                <c:pt idx="5007">
                  <c:v>50070</c:v>
                </c:pt>
                <c:pt idx="5008">
                  <c:v>50080</c:v>
                </c:pt>
                <c:pt idx="5009">
                  <c:v>50090</c:v>
                </c:pt>
                <c:pt idx="5010">
                  <c:v>50100</c:v>
                </c:pt>
                <c:pt idx="5011">
                  <c:v>50110</c:v>
                </c:pt>
                <c:pt idx="5012">
                  <c:v>50120</c:v>
                </c:pt>
                <c:pt idx="5013">
                  <c:v>50130</c:v>
                </c:pt>
                <c:pt idx="5014">
                  <c:v>50140</c:v>
                </c:pt>
                <c:pt idx="5015">
                  <c:v>50150</c:v>
                </c:pt>
                <c:pt idx="5016">
                  <c:v>50160</c:v>
                </c:pt>
                <c:pt idx="5017">
                  <c:v>50170</c:v>
                </c:pt>
                <c:pt idx="5018">
                  <c:v>50180</c:v>
                </c:pt>
                <c:pt idx="5019">
                  <c:v>50190</c:v>
                </c:pt>
                <c:pt idx="5020">
                  <c:v>50200</c:v>
                </c:pt>
                <c:pt idx="5021">
                  <c:v>50210</c:v>
                </c:pt>
                <c:pt idx="5022">
                  <c:v>50220</c:v>
                </c:pt>
                <c:pt idx="5023">
                  <c:v>50230</c:v>
                </c:pt>
                <c:pt idx="5024">
                  <c:v>50240</c:v>
                </c:pt>
                <c:pt idx="5025">
                  <c:v>50250</c:v>
                </c:pt>
                <c:pt idx="5026">
                  <c:v>50260</c:v>
                </c:pt>
                <c:pt idx="5027">
                  <c:v>50270</c:v>
                </c:pt>
                <c:pt idx="5028">
                  <c:v>50280</c:v>
                </c:pt>
                <c:pt idx="5029">
                  <c:v>50290</c:v>
                </c:pt>
                <c:pt idx="5030">
                  <c:v>50300</c:v>
                </c:pt>
                <c:pt idx="5031">
                  <c:v>50310</c:v>
                </c:pt>
                <c:pt idx="5032">
                  <c:v>50320</c:v>
                </c:pt>
                <c:pt idx="5033">
                  <c:v>50330</c:v>
                </c:pt>
                <c:pt idx="5034">
                  <c:v>50340</c:v>
                </c:pt>
                <c:pt idx="5035">
                  <c:v>50350</c:v>
                </c:pt>
                <c:pt idx="5036">
                  <c:v>50360</c:v>
                </c:pt>
                <c:pt idx="5037">
                  <c:v>50370</c:v>
                </c:pt>
                <c:pt idx="5038">
                  <c:v>50380</c:v>
                </c:pt>
                <c:pt idx="5039">
                  <c:v>50390</c:v>
                </c:pt>
                <c:pt idx="5040">
                  <c:v>50400</c:v>
                </c:pt>
                <c:pt idx="5041">
                  <c:v>50410</c:v>
                </c:pt>
                <c:pt idx="5042">
                  <c:v>50420</c:v>
                </c:pt>
                <c:pt idx="5043">
                  <c:v>50430</c:v>
                </c:pt>
                <c:pt idx="5044">
                  <c:v>50440</c:v>
                </c:pt>
                <c:pt idx="5045">
                  <c:v>50450</c:v>
                </c:pt>
                <c:pt idx="5046">
                  <c:v>50460</c:v>
                </c:pt>
                <c:pt idx="5047">
                  <c:v>50470</c:v>
                </c:pt>
                <c:pt idx="5048">
                  <c:v>50480</c:v>
                </c:pt>
                <c:pt idx="5049">
                  <c:v>50490</c:v>
                </c:pt>
                <c:pt idx="5050">
                  <c:v>50500</c:v>
                </c:pt>
                <c:pt idx="5051">
                  <c:v>50510</c:v>
                </c:pt>
                <c:pt idx="5052">
                  <c:v>50520</c:v>
                </c:pt>
                <c:pt idx="5053">
                  <c:v>50530</c:v>
                </c:pt>
                <c:pt idx="5054">
                  <c:v>50540</c:v>
                </c:pt>
                <c:pt idx="5055">
                  <c:v>50550</c:v>
                </c:pt>
                <c:pt idx="5056">
                  <c:v>50560</c:v>
                </c:pt>
                <c:pt idx="5057">
                  <c:v>50570</c:v>
                </c:pt>
                <c:pt idx="5058">
                  <c:v>50580</c:v>
                </c:pt>
                <c:pt idx="5059">
                  <c:v>50590</c:v>
                </c:pt>
                <c:pt idx="5060">
                  <c:v>50600</c:v>
                </c:pt>
                <c:pt idx="5061">
                  <c:v>50610</c:v>
                </c:pt>
                <c:pt idx="5062">
                  <c:v>50620</c:v>
                </c:pt>
                <c:pt idx="5063">
                  <c:v>50630</c:v>
                </c:pt>
                <c:pt idx="5064">
                  <c:v>50640</c:v>
                </c:pt>
                <c:pt idx="5065">
                  <c:v>50650</c:v>
                </c:pt>
                <c:pt idx="5066">
                  <c:v>50660</c:v>
                </c:pt>
                <c:pt idx="5067">
                  <c:v>50670</c:v>
                </c:pt>
                <c:pt idx="5068">
                  <c:v>50680</c:v>
                </c:pt>
                <c:pt idx="5069">
                  <c:v>50690</c:v>
                </c:pt>
                <c:pt idx="5070">
                  <c:v>50700</c:v>
                </c:pt>
                <c:pt idx="5071">
                  <c:v>50710</c:v>
                </c:pt>
                <c:pt idx="5072">
                  <c:v>50720</c:v>
                </c:pt>
                <c:pt idx="5073">
                  <c:v>50730</c:v>
                </c:pt>
                <c:pt idx="5074">
                  <c:v>50740</c:v>
                </c:pt>
                <c:pt idx="5075">
                  <c:v>50750</c:v>
                </c:pt>
                <c:pt idx="5076">
                  <c:v>50760</c:v>
                </c:pt>
                <c:pt idx="5077">
                  <c:v>50770</c:v>
                </c:pt>
                <c:pt idx="5078">
                  <c:v>50780</c:v>
                </c:pt>
                <c:pt idx="5079">
                  <c:v>50790</c:v>
                </c:pt>
                <c:pt idx="5080">
                  <c:v>50800</c:v>
                </c:pt>
                <c:pt idx="5081">
                  <c:v>50810</c:v>
                </c:pt>
                <c:pt idx="5082">
                  <c:v>50820</c:v>
                </c:pt>
                <c:pt idx="5083">
                  <c:v>50830</c:v>
                </c:pt>
                <c:pt idx="5084">
                  <c:v>50840</c:v>
                </c:pt>
                <c:pt idx="5085">
                  <c:v>50850</c:v>
                </c:pt>
                <c:pt idx="5086">
                  <c:v>50860</c:v>
                </c:pt>
                <c:pt idx="5087">
                  <c:v>50870</c:v>
                </c:pt>
                <c:pt idx="5088">
                  <c:v>50880</c:v>
                </c:pt>
                <c:pt idx="5089">
                  <c:v>50890</c:v>
                </c:pt>
                <c:pt idx="5090">
                  <c:v>50900</c:v>
                </c:pt>
                <c:pt idx="5091">
                  <c:v>50910</c:v>
                </c:pt>
                <c:pt idx="5092">
                  <c:v>50920</c:v>
                </c:pt>
                <c:pt idx="5093">
                  <c:v>50930</c:v>
                </c:pt>
                <c:pt idx="5094">
                  <c:v>50940</c:v>
                </c:pt>
                <c:pt idx="5095">
                  <c:v>50950</c:v>
                </c:pt>
                <c:pt idx="5096">
                  <c:v>50960</c:v>
                </c:pt>
                <c:pt idx="5097">
                  <c:v>50970</c:v>
                </c:pt>
                <c:pt idx="5098">
                  <c:v>50980</c:v>
                </c:pt>
                <c:pt idx="5099">
                  <c:v>50990</c:v>
                </c:pt>
                <c:pt idx="5100">
                  <c:v>51000</c:v>
                </c:pt>
                <c:pt idx="5101">
                  <c:v>51010</c:v>
                </c:pt>
                <c:pt idx="5102">
                  <c:v>51020</c:v>
                </c:pt>
                <c:pt idx="5103">
                  <c:v>51030</c:v>
                </c:pt>
                <c:pt idx="5104">
                  <c:v>51040</c:v>
                </c:pt>
                <c:pt idx="5105">
                  <c:v>51050</c:v>
                </c:pt>
                <c:pt idx="5106">
                  <c:v>51060</c:v>
                </c:pt>
                <c:pt idx="5107">
                  <c:v>51070</c:v>
                </c:pt>
                <c:pt idx="5108">
                  <c:v>51080</c:v>
                </c:pt>
                <c:pt idx="5109">
                  <c:v>51090</c:v>
                </c:pt>
                <c:pt idx="5110">
                  <c:v>51100</c:v>
                </c:pt>
                <c:pt idx="5111">
                  <c:v>51110</c:v>
                </c:pt>
                <c:pt idx="5112">
                  <c:v>51120</c:v>
                </c:pt>
                <c:pt idx="5113">
                  <c:v>51130</c:v>
                </c:pt>
                <c:pt idx="5114">
                  <c:v>51140</c:v>
                </c:pt>
                <c:pt idx="5115">
                  <c:v>51150</c:v>
                </c:pt>
                <c:pt idx="5116">
                  <c:v>51160</c:v>
                </c:pt>
                <c:pt idx="5117">
                  <c:v>51170</c:v>
                </c:pt>
                <c:pt idx="5118">
                  <c:v>51180</c:v>
                </c:pt>
                <c:pt idx="5119">
                  <c:v>51190</c:v>
                </c:pt>
                <c:pt idx="5120">
                  <c:v>51200</c:v>
                </c:pt>
                <c:pt idx="5121">
                  <c:v>51210</c:v>
                </c:pt>
                <c:pt idx="5122">
                  <c:v>51220</c:v>
                </c:pt>
                <c:pt idx="5123">
                  <c:v>51230</c:v>
                </c:pt>
                <c:pt idx="5124">
                  <c:v>51240</c:v>
                </c:pt>
                <c:pt idx="5125">
                  <c:v>51250</c:v>
                </c:pt>
                <c:pt idx="5126">
                  <c:v>51260</c:v>
                </c:pt>
                <c:pt idx="5127">
                  <c:v>51270</c:v>
                </c:pt>
                <c:pt idx="5128">
                  <c:v>51280</c:v>
                </c:pt>
                <c:pt idx="5129">
                  <c:v>51290</c:v>
                </c:pt>
                <c:pt idx="5130">
                  <c:v>51300</c:v>
                </c:pt>
                <c:pt idx="5131">
                  <c:v>51310</c:v>
                </c:pt>
                <c:pt idx="5132">
                  <c:v>51320</c:v>
                </c:pt>
                <c:pt idx="5133">
                  <c:v>51330</c:v>
                </c:pt>
                <c:pt idx="5134">
                  <c:v>51340</c:v>
                </c:pt>
                <c:pt idx="5135">
                  <c:v>51350</c:v>
                </c:pt>
                <c:pt idx="5136">
                  <c:v>51360</c:v>
                </c:pt>
                <c:pt idx="5137">
                  <c:v>51370</c:v>
                </c:pt>
                <c:pt idx="5138">
                  <c:v>51380</c:v>
                </c:pt>
                <c:pt idx="5139">
                  <c:v>51390</c:v>
                </c:pt>
                <c:pt idx="5140">
                  <c:v>51400</c:v>
                </c:pt>
                <c:pt idx="5141">
                  <c:v>51410</c:v>
                </c:pt>
                <c:pt idx="5142">
                  <c:v>51420</c:v>
                </c:pt>
                <c:pt idx="5143">
                  <c:v>51430</c:v>
                </c:pt>
                <c:pt idx="5144">
                  <c:v>51440</c:v>
                </c:pt>
                <c:pt idx="5145">
                  <c:v>51450</c:v>
                </c:pt>
                <c:pt idx="5146">
                  <c:v>51460</c:v>
                </c:pt>
                <c:pt idx="5147">
                  <c:v>51470</c:v>
                </c:pt>
                <c:pt idx="5148">
                  <c:v>51480</c:v>
                </c:pt>
                <c:pt idx="5149">
                  <c:v>51490</c:v>
                </c:pt>
                <c:pt idx="5150">
                  <c:v>51500</c:v>
                </c:pt>
                <c:pt idx="5151">
                  <c:v>51510</c:v>
                </c:pt>
                <c:pt idx="5152">
                  <c:v>51520</c:v>
                </c:pt>
                <c:pt idx="5153">
                  <c:v>51530</c:v>
                </c:pt>
                <c:pt idx="5154">
                  <c:v>51540</c:v>
                </c:pt>
                <c:pt idx="5155">
                  <c:v>51550</c:v>
                </c:pt>
                <c:pt idx="5156">
                  <c:v>51560</c:v>
                </c:pt>
                <c:pt idx="5157">
                  <c:v>51570</c:v>
                </c:pt>
                <c:pt idx="5158">
                  <c:v>51580</c:v>
                </c:pt>
                <c:pt idx="5159">
                  <c:v>51590</c:v>
                </c:pt>
                <c:pt idx="5160">
                  <c:v>51600</c:v>
                </c:pt>
                <c:pt idx="5161">
                  <c:v>51610</c:v>
                </c:pt>
                <c:pt idx="5162">
                  <c:v>51620</c:v>
                </c:pt>
                <c:pt idx="5163">
                  <c:v>51630</c:v>
                </c:pt>
                <c:pt idx="5164">
                  <c:v>51640</c:v>
                </c:pt>
                <c:pt idx="5165">
                  <c:v>51650</c:v>
                </c:pt>
                <c:pt idx="5166">
                  <c:v>51660</c:v>
                </c:pt>
                <c:pt idx="5167">
                  <c:v>51670</c:v>
                </c:pt>
                <c:pt idx="5168">
                  <c:v>51680</c:v>
                </c:pt>
                <c:pt idx="5169">
                  <c:v>51690</c:v>
                </c:pt>
                <c:pt idx="5170">
                  <c:v>51700</c:v>
                </c:pt>
                <c:pt idx="5171">
                  <c:v>51710</c:v>
                </c:pt>
                <c:pt idx="5172">
                  <c:v>51720</c:v>
                </c:pt>
                <c:pt idx="5173">
                  <c:v>51730</c:v>
                </c:pt>
                <c:pt idx="5174">
                  <c:v>51740</c:v>
                </c:pt>
                <c:pt idx="5175">
                  <c:v>51750</c:v>
                </c:pt>
                <c:pt idx="5176">
                  <c:v>51760</c:v>
                </c:pt>
                <c:pt idx="5177">
                  <c:v>51770</c:v>
                </c:pt>
                <c:pt idx="5178">
                  <c:v>51780</c:v>
                </c:pt>
                <c:pt idx="5179">
                  <c:v>51790</c:v>
                </c:pt>
                <c:pt idx="5180">
                  <c:v>51800</c:v>
                </c:pt>
                <c:pt idx="5181">
                  <c:v>51810</c:v>
                </c:pt>
                <c:pt idx="5182">
                  <c:v>51820</c:v>
                </c:pt>
                <c:pt idx="5183">
                  <c:v>51830</c:v>
                </c:pt>
                <c:pt idx="5184">
                  <c:v>51840</c:v>
                </c:pt>
                <c:pt idx="5185">
                  <c:v>51850</c:v>
                </c:pt>
                <c:pt idx="5186">
                  <c:v>51860</c:v>
                </c:pt>
                <c:pt idx="5187">
                  <c:v>51870</c:v>
                </c:pt>
                <c:pt idx="5188">
                  <c:v>51880</c:v>
                </c:pt>
                <c:pt idx="5189">
                  <c:v>51890</c:v>
                </c:pt>
                <c:pt idx="5190">
                  <c:v>51900</c:v>
                </c:pt>
                <c:pt idx="5191">
                  <c:v>51910</c:v>
                </c:pt>
                <c:pt idx="5192">
                  <c:v>51920</c:v>
                </c:pt>
                <c:pt idx="5193">
                  <c:v>51930</c:v>
                </c:pt>
                <c:pt idx="5194">
                  <c:v>51940</c:v>
                </c:pt>
                <c:pt idx="5195">
                  <c:v>51950</c:v>
                </c:pt>
                <c:pt idx="5196">
                  <c:v>51960</c:v>
                </c:pt>
                <c:pt idx="5197">
                  <c:v>51970</c:v>
                </c:pt>
                <c:pt idx="5198">
                  <c:v>51980</c:v>
                </c:pt>
                <c:pt idx="5199">
                  <c:v>51990</c:v>
                </c:pt>
                <c:pt idx="5200">
                  <c:v>52000</c:v>
                </c:pt>
                <c:pt idx="5201">
                  <c:v>52010</c:v>
                </c:pt>
                <c:pt idx="5202">
                  <c:v>52020</c:v>
                </c:pt>
                <c:pt idx="5203">
                  <c:v>52030</c:v>
                </c:pt>
                <c:pt idx="5204">
                  <c:v>52040</c:v>
                </c:pt>
                <c:pt idx="5205">
                  <c:v>52050</c:v>
                </c:pt>
                <c:pt idx="5206">
                  <c:v>52060</c:v>
                </c:pt>
                <c:pt idx="5207">
                  <c:v>52070</c:v>
                </c:pt>
                <c:pt idx="5208">
                  <c:v>52080</c:v>
                </c:pt>
                <c:pt idx="5209">
                  <c:v>52090</c:v>
                </c:pt>
                <c:pt idx="5210">
                  <c:v>52100</c:v>
                </c:pt>
                <c:pt idx="5211">
                  <c:v>52110</c:v>
                </c:pt>
                <c:pt idx="5212">
                  <c:v>52120</c:v>
                </c:pt>
                <c:pt idx="5213">
                  <c:v>52130</c:v>
                </c:pt>
                <c:pt idx="5214">
                  <c:v>52140</c:v>
                </c:pt>
                <c:pt idx="5215">
                  <c:v>52150</c:v>
                </c:pt>
                <c:pt idx="5216">
                  <c:v>52160</c:v>
                </c:pt>
                <c:pt idx="5217">
                  <c:v>52170</c:v>
                </c:pt>
                <c:pt idx="5218">
                  <c:v>52180</c:v>
                </c:pt>
                <c:pt idx="5219">
                  <c:v>52190</c:v>
                </c:pt>
                <c:pt idx="5220">
                  <c:v>52200</c:v>
                </c:pt>
                <c:pt idx="5221">
                  <c:v>52210</c:v>
                </c:pt>
                <c:pt idx="5222">
                  <c:v>52220</c:v>
                </c:pt>
                <c:pt idx="5223">
                  <c:v>52230</c:v>
                </c:pt>
                <c:pt idx="5224">
                  <c:v>52240</c:v>
                </c:pt>
                <c:pt idx="5225">
                  <c:v>52250</c:v>
                </c:pt>
                <c:pt idx="5226">
                  <c:v>52260</c:v>
                </c:pt>
                <c:pt idx="5227">
                  <c:v>52270</c:v>
                </c:pt>
                <c:pt idx="5228">
                  <c:v>52280</c:v>
                </c:pt>
                <c:pt idx="5229">
                  <c:v>52290</c:v>
                </c:pt>
                <c:pt idx="5230">
                  <c:v>52300</c:v>
                </c:pt>
                <c:pt idx="5231">
                  <c:v>52310</c:v>
                </c:pt>
                <c:pt idx="5232">
                  <c:v>52320</c:v>
                </c:pt>
                <c:pt idx="5233">
                  <c:v>52330</c:v>
                </c:pt>
                <c:pt idx="5234">
                  <c:v>52340</c:v>
                </c:pt>
                <c:pt idx="5235">
                  <c:v>52350</c:v>
                </c:pt>
                <c:pt idx="5236">
                  <c:v>52360</c:v>
                </c:pt>
                <c:pt idx="5237">
                  <c:v>52370</c:v>
                </c:pt>
                <c:pt idx="5238">
                  <c:v>52380</c:v>
                </c:pt>
                <c:pt idx="5239">
                  <c:v>52390</c:v>
                </c:pt>
                <c:pt idx="5240">
                  <c:v>52400</c:v>
                </c:pt>
                <c:pt idx="5241">
                  <c:v>52410</c:v>
                </c:pt>
                <c:pt idx="5242">
                  <c:v>52420</c:v>
                </c:pt>
                <c:pt idx="5243">
                  <c:v>52430</c:v>
                </c:pt>
                <c:pt idx="5244">
                  <c:v>52440</c:v>
                </c:pt>
                <c:pt idx="5245">
                  <c:v>52450</c:v>
                </c:pt>
                <c:pt idx="5246">
                  <c:v>52460</c:v>
                </c:pt>
                <c:pt idx="5247">
                  <c:v>52470</c:v>
                </c:pt>
                <c:pt idx="5248">
                  <c:v>52480</c:v>
                </c:pt>
                <c:pt idx="5249">
                  <c:v>52490</c:v>
                </c:pt>
                <c:pt idx="5250">
                  <c:v>52500</c:v>
                </c:pt>
                <c:pt idx="5251">
                  <c:v>52510</c:v>
                </c:pt>
                <c:pt idx="5252">
                  <c:v>52520</c:v>
                </c:pt>
                <c:pt idx="5253">
                  <c:v>52530</c:v>
                </c:pt>
                <c:pt idx="5254">
                  <c:v>52540</c:v>
                </c:pt>
                <c:pt idx="5255">
                  <c:v>52550</c:v>
                </c:pt>
                <c:pt idx="5256">
                  <c:v>52560</c:v>
                </c:pt>
                <c:pt idx="5257">
                  <c:v>52570</c:v>
                </c:pt>
                <c:pt idx="5258">
                  <c:v>52580</c:v>
                </c:pt>
                <c:pt idx="5259">
                  <c:v>52590</c:v>
                </c:pt>
                <c:pt idx="5260">
                  <c:v>52600</c:v>
                </c:pt>
                <c:pt idx="5261">
                  <c:v>52610</c:v>
                </c:pt>
                <c:pt idx="5262">
                  <c:v>52620</c:v>
                </c:pt>
                <c:pt idx="5263">
                  <c:v>52630</c:v>
                </c:pt>
                <c:pt idx="5264">
                  <c:v>52640</c:v>
                </c:pt>
                <c:pt idx="5265">
                  <c:v>52650</c:v>
                </c:pt>
                <c:pt idx="5266">
                  <c:v>52660</c:v>
                </c:pt>
                <c:pt idx="5267">
                  <c:v>52670</c:v>
                </c:pt>
                <c:pt idx="5268">
                  <c:v>52680</c:v>
                </c:pt>
                <c:pt idx="5269">
                  <c:v>52690</c:v>
                </c:pt>
                <c:pt idx="5270">
                  <c:v>52700</c:v>
                </c:pt>
                <c:pt idx="5271">
                  <c:v>52710</c:v>
                </c:pt>
                <c:pt idx="5272">
                  <c:v>52720</c:v>
                </c:pt>
                <c:pt idx="5273">
                  <c:v>52730</c:v>
                </c:pt>
                <c:pt idx="5274">
                  <c:v>52740</c:v>
                </c:pt>
                <c:pt idx="5275">
                  <c:v>52750</c:v>
                </c:pt>
                <c:pt idx="5276">
                  <c:v>52760</c:v>
                </c:pt>
                <c:pt idx="5277">
                  <c:v>52770</c:v>
                </c:pt>
                <c:pt idx="5278">
                  <c:v>52780</c:v>
                </c:pt>
                <c:pt idx="5279">
                  <c:v>52790</c:v>
                </c:pt>
                <c:pt idx="5280">
                  <c:v>52800</c:v>
                </c:pt>
                <c:pt idx="5281">
                  <c:v>52810</c:v>
                </c:pt>
                <c:pt idx="5282">
                  <c:v>52820</c:v>
                </c:pt>
                <c:pt idx="5283">
                  <c:v>52830</c:v>
                </c:pt>
                <c:pt idx="5284">
                  <c:v>52840</c:v>
                </c:pt>
                <c:pt idx="5285">
                  <c:v>52850</c:v>
                </c:pt>
                <c:pt idx="5286">
                  <c:v>52860</c:v>
                </c:pt>
                <c:pt idx="5287">
                  <c:v>52870</c:v>
                </c:pt>
                <c:pt idx="5288">
                  <c:v>52880</c:v>
                </c:pt>
                <c:pt idx="5289">
                  <c:v>52890</c:v>
                </c:pt>
                <c:pt idx="5290">
                  <c:v>52900</c:v>
                </c:pt>
                <c:pt idx="5291">
                  <c:v>52910</c:v>
                </c:pt>
                <c:pt idx="5292">
                  <c:v>52920</c:v>
                </c:pt>
                <c:pt idx="5293">
                  <c:v>52930</c:v>
                </c:pt>
                <c:pt idx="5294">
                  <c:v>52940</c:v>
                </c:pt>
                <c:pt idx="5295">
                  <c:v>52950</c:v>
                </c:pt>
                <c:pt idx="5296">
                  <c:v>52960</c:v>
                </c:pt>
                <c:pt idx="5297">
                  <c:v>52970</c:v>
                </c:pt>
                <c:pt idx="5298">
                  <c:v>52980</c:v>
                </c:pt>
                <c:pt idx="5299">
                  <c:v>52990</c:v>
                </c:pt>
                <c:pt idx="5300">
                  <c:v>53000</c:v>
                </c:pt>
                <c:pt idx="5301">
                  <c:v>53010</c:v>
                </c:pt>
                <c:pt idx="5302">
                  <c:v>53020</c:v>
                </c:pt>
                <c:pt idx="5303">
                  <c:v>53030</c:v>
                </c:pt>
                <c:pt idx="5304">
                  <c:v>53040</c:v>
                </c:pt>
                <c:pt idx="5305">
                  <c:v>53050</c:v>
                </c:pt>
                <c:pt idx="5306">
                  <c:v>53060</c:v>
                </c:pt>
                <c:pt idx="5307">
                  <c:v>53070</c:v>
                </c:pt>
                <c:pt idx="5308">
                  <c:v>53080</c:v>
                </c:pt>
                <c:pt idx="5309">
                  <c:v>53090</c:v>
                </c:pt>
                <c:pt idx="5310">
                  <c:v>53100</c:v>
                </c:pt>
                <c:pt idx="5311">
                  <c:v>53110</c:v>
                </c:pt>
                <c:pt idx="5312">
                  <c:v>53120</c:v>
                </c:pt>
                <c:pt idx="5313">
                  <c:v>53130</c:v>
                </c:pt>
                <c:pt idx="5314">
                  <c:v>53140</c:v>
                </c:pt>
                <c:pt idx="5315">
                  <c:v>53150</c:v>
                </c:pt>
                <c:pt idx="5316">
                  <c:v>53160</c:v>
                </c:pt>
                <c:pt idx="5317">
                  <c:v>53170</c:v>
                </c:pt>
                <c:pt idx="5318">
                  <c:v>53180</c:v>
                </c:pt>
                <c:pt idx="5319">
                  <c:v>53190</c:v>
                </c:pt>
                <c:pt idx="5320">
                  <c:v>53200</c:v>
                </c:pt>
                <c:pt idx="5321">
                  <c:v>53210</c:v>
                </c:pt>
                <c:pt idx="5322">
                  <c:v>53220</c:v>
                </c:pt>
                <c:pt idx="5323">
                  <c:v>53230</c:v>
                </c:pt>
                <c:pt idx="5324">
                  <c:v>53240</c:v>
                </c:pt>
                <c:pt idx="5325">
                  <c:v>53250</c:v>
                </c:pt>
                <c:pt idx="5326">
                  <c:v>53260</c:v>
                </c:pt>
                <c:pt idx="5327">
                  <c:v>53270</c:v>
                </c:pt>
                <c:pt idx="5328">
                  <c:v>53280</c:v>
                </c:pt>
                <c:pt idx="5329">
                  <c:v>53290</c:v>
                </c:pt>
                <c:pt idx="5330">
                  <c:v>53300</c:v>
                </c:pt>
                <c:pt idx="5331">
                  <c:v>53310</c:v>
                </c:pt>
                <c:pt idx="5332">
                  <c:v>53320</c:v>
                </c:pt>
                <c:pt idx="5333">
                  <c:v>53330</c:v>
                </c:pt>
                <c:pt idx="5334">
                  <c:v>53340</c:v>
                </c:pt>
                <c:pt idx="5335">
                  <c:v>53350</c:v>
                </c:pt>
                <c:pt idx="5336">
                  <c:v>53360</c:v>
                </c:pt>
                <c:pt idx="5337">
                  <c:v>53370</c:v>
                </c:pt>
                <c:pt idx="5338">
                  <c:v>53380</c:v>
                </c:pt>
                <c:pt idx="5339">
                  <c:v>53390</c:v>
                </c:pt>
                <c:pt idx="5340">
                  <c:v>53400</c:v>
                </c:pt>
                <c:pt idx="5341">
                  <c:v>53410</c:v>
                </c:pt>
                <c:pt idx="5342">
                  <c:v>53420</c:v>
                </c:pt>
                <c:pt idx="5343">
                  <c:v>53430</c:v>
                </c:pt>
                <c:pt idx="5344">
                  <c:v>53440</c:v>
                </c:pt>
                <c:pt idx="5345">
                  <c:v>53450</c:v>
                </c:pt>
                <c:pt idx="5346">
                  <c:v>53460</c:v>
                </c:pt>
                <c:pt idx="5347">
                  <c:v>53470</c:v>
                </c:pt>
                <c:pt idx="5348">
                  <c:v>53480</c:v>
                </c:pt>
                <c:pt idx="5349">
                  <c:v>53490</c:v>
                </c:pt>
                <c:pt idx="5350">
                  <c:v>53500</c:v>
                </c:pt>
                <c:pt idx="5351">
                  <c:v>53510</c:v>
                </c:pt>
                <c:pt idx="5352">
                  <c:v>53520</c:v>
                </c:pt>
                <c:pt idx="5353">
                  <c:v>53530</c:v>
                </c:pt>
                <c:pt idx="5354">
                  <c:v>53540</c:v>
                </c:pt>
                <c:pt idx="5355">
                  <c:v>53550</c:v>
                </c:pt>
                <c:pt idx="5356">
                  <c:v>53560</c:v>
                </c:pt>
                <c:pt idx="5357">
                  <c:v>53570</c:v>
                </c:pt>
                <c:pt idx="5358">
                  <c:v>53580</c:v>
                </c:pt>
                <c:pt idx="5359">
                  <c:v>53590</c:v>
                </c:pt>
                <c:pt idx="5360">
                  <c:v>53600</c:v>
                </c:pt>
                <c:pt idx="5361">
                  <c:v>53610</c:v>
                </c:pt>
                <c:pt idx="5362">
                  <c:v>53620</c:v>
                </c:pt>
                <c:pt idx="5363">
                  <c:v>53630</c:v>
                </c:pt>
                <c:pt idx="5364">
                  <c:v>53640</c:v>
                </c:pt>
                <c:pt idx="5365">
                  <c:v>53650</c:v>
                </c:pt>
                <c:pt idx="5366">
                  <c:v>53660</c:v>
                </c:pt>
                <c:pt idx="5367">
                  <c:v>53670</c:v>
                </c:pt>
                <c:pt idx="5368">
                  <c:v>53680</c:v>
                </c:pt>
                <c:pt idx="5369">
                  <c:v>53690</c:v>
                </c:pt>
                <c:pt idx="5370">
                  <c:v>53700</c:v>
                </c:pt>
                <c:pt idx="5371">
                  <c:v>53710</c:v>
                </c:pt>
                <c:pt idx="5372">
                  <c:v>53720</c:v>
                </c:pt>
                <c:pt idx="5373">
                  <c:v>53730</c:v>
                </c:pt>
                <c:pt idx="5374">
                  <c:v>53740</c:v>
                </c:pt>
                <c:pt idx="5375">
                  <c:v>53750</c:v>
                </c:pt>
                <c:pt idx="5376">
                  <c:v>53760</c:v>
                </c:pt>
                <c:pt idx="5377">
                  <c:v>53770</c:v>
                </c:pt>
                <c:pt idx="5378">
                  <c:v>53780</c:v>
                </c:pt>
                <c:pt idx="5379">
                  <c:v>53790</c:v>
                </c:pt>
                <c:pt idx="5380">
                  <c:v>53800</c:v>
                </c:pt>
                <c:pt idx="5381">
                  <c:v>53810</c:v>
                </c:pt>
                <c:pt idx="5382">
                  <c:v>53820</c:v>
                </c:pt>
                <c:pt idx="5383">
                  <c:v>53830</c:v>
                </c:pt>
                <c:pt idx="5384">
                  <c:v>53840</c:v>
                </c:pt>
                <c:pt idx="5385">
                  <c:v>53850</c:v>
                </c:pt>
                <c:pt idx="5386">
                  <c:v>53860</c:v>
                </c:pt>
                <c:pt idx="5387">
                  <c:v>53870</c:v>
                </c:pt>
                <c:pt idx="5388">
                  <c:v>53880</c:v>
                </c:pt>
                <c:pt idx="5389">
                  <c:v>53890</c:v>
                </c:pt>
                <c:pt idx="5390">
                  <c:v>53900</c:v>
                </c:pt>
                <c:pt idx="5391">
                  <c:v>53910</c:v>
                </c:pt>
                <c:pt idx="5392">
                  <c:v>53920</c:v>
                </c:pt>
                <c:pt idx="5393">
                  <c:v>53930</c:v>
                </c:pt>
                <c:pt idx="5394">
                  <c:v>53940</c:v>
                </c:pt>
                <c:pt idx="5395">
                  <c:v>53950</c:v>
                </c:pt>
                <c:pt idx="5396">
                  <c:v>53960</c:v>
                </c:pt>
                <c:pt idx="5397">
                  <c:v>53970</c:v>
                </c:pt>
                <c:pt idx="5398">
                  <c:v>53980</c:v>
                </c:pt>
                <c:pt idx="5399">
                  <c:v>53990</c:v>
                </c:pt>
                <c:pt idx="5400">
                  <c:v>54000</c:v>
                </c:pt>
                <c:pt idx="5401">
                  <c:v>54010</c:v>
                </c:pt>
                <c:pt idx="5402">
                  <c:v>54020</c:v>
                </c:pt>
                <c:pt idx="5403">
                  <c:v>54030</c:v>
                </c:pt>
                <c:pt idx="5404">
                  <c:v>54040</c:v>
                </c:pt>
                <c:pt idx="5405">
                  <c:v>54050</c:v>
                </c:pt>
                <c:pt idx="5406">
                  <c:v>54060</c:v>
                </c:pt>
                <c:pt idx="5407">
                  <c:v>54070</c:v>
                </c:pt>
                <c:pt idx="5408">
                  <c:v>54080</c:v>
                </c:pt>
                <c:pt idx="5409">
                  <c:v>54090</c:v>
                </c:pt>
                <c:pt idx="5410">
                  <c:v>54100</c:v>
                </c:pt>
                <c:pt idx="5411">
                  <c:v>54110</c:v>
                </c:pt>
                <c:pt idx="5412">
                  <c:v>54120</c:v>
                </c:pt>
                <c:pt idx="5413">
                  <c:v>54130</c:v>
                </c:pt>
                <c:pt idx="5414">
                  <c:v>54140</c:v>
                </c:pt>
                <c:pt idx="5415">
                  <c:v>54150</c:v>
                </c:pt>
                <c:pt idx="5416">
                  <c:v>54160</c:v>
                </c:pt>
                <c:pt idx="5417">
                  <c:v>54170</c:v>
                </c:pt>
                <c:pt idx="5418">
                  <c:v>54180</c:v>
                </c:pt>
                <c:pt idx="5419">
                  <c:v>54190</c:v>
                </c:pt>
                <c:pt idx="5420">
                  <c:v>54200</c:v>
                </c:pt>
                <c:pt idx="5421">
                  <c:v>54210</c:v>
                </c:pt>
                <c:pt idx="5422">
                  <c:v>54220</c:v>
                </c:pt>
                <c:pt idx="5423">
                  <c:v>54230</c:v>
                </c:pt>
                <c:pt idx="5424">
                  <c:v>54240</c:v>
                </c:pt>
                <c:pt idx="5425">
                  <c:v>54250</c:v>
                </c:pt>
                <c:pt idx="5426">
                  <c:v>54260</c:v>
                </c:pt>
                <c:pt idx="5427">
                  <c:v>54270</c:v>
                </c:pt>
                <c:pt idx="5428">
                  <c:v>54280</c:v>
                </c:pt>
                <c:pt idx="5429">
                  <c:v>54290</c:v>
                </c:pt>
                <c:pt idx="5430">
                  <c:v>54300</c:v>
                </c:pt>
                <c:pt idx="5431">
                  <c:v>54310</c:v>
                </c:pt>
                <c:pt idx="5432">
                  <c:v>54320</c:v>
                </c:pt>
                <c:pt idx="5433">
                  <c:v>54330</c:v>
                </c:pt>
                <c:pt idx="5434">
                  <c:v>54340</c:v>
                </c:pt>
                <c:pt idx="5435">
                  <c:v>54350</c:v>
                </c:pt>
                <c:pt idx="5436">
                  <c:v>54360</c:v>
                </c:pt>
                <c:pt idx="5437">
                  <c:v>54370</c:v>
                </c:pt>
                <c:pt idx="5438">
                  <c:v>54380</c:v>
                </c:pt>
                <c:pt idx="5439">
                  <c:v>54390</c:v>
                </c:pt>
                <c:pt idx="5440">
                  <c:v>54400</c:v>
                </c:pt>
                <c:pt idx="5441">
                  <c:v>54410</c:v>
                </c:pt>
                <c:pt idx="5442">
                  <c:v>54420</c:v>
                </c:pt>
                <c:pt idx="5443">
                  <c:v>54430</c:v>
                </c:pt>
                <c:pt idx="5444">
                  <c:v>54440</c:v>
                </c:pt>
                <c:pt idx="5445">
                  <c:v>54450</c:v>
                </c:pt>
                <c:pt idx="5446">
                  <c:v>54460</c:v>
                </c:pt>
                <c:pt idx="5447">
                  <c:v>54470</c:v>
                </c:pt>
                <c:pt idx="5448">
                  <c:v>54480</c:v>
                </c:pt>
                <c:pt idx="5449">
                  <c:v>54490</c:v>
                </c:pt>
                <c:pt idx="5450">
                  <c:v>54500</c:v>
                </c:pt>
                <c:pt idx="5451">
                  <c:v>54510</c:v>
                </c:pt>
                <c:pt idx="5452">
                  <c:v>54520</c:v>
                </c:pt>
                <c:pt idx="5453">
                  <c:v>54530</c:v>
                </c:pt>
                <c:pt idx="5454">
                  <c:v>54540</c:v>
                </c:pt>
                <c:pt idx="5455">
                  <c:v>54550</c:v>
                </c:pt>
                <c:pt idx="5456">
                  <c:v>54560</c:v>
                </c:pt>
                <c:pt idx="5457">
                  <c:v>54570</c:v>
                </c:pt>
                <c:pt idx="5458">
                  <c:v>54580</c:v>
                </c:pt>
                <c:pt idx="5459">
                  <c:v>54590</c:v>
                </c:pt>
                <c:pt idx="5460">
                  <c:v>54600</c:v>
                </c:pt>
                <c:pt idx="5461">
                  <c:v>54610</c:v>
                </c:pt>
                <c:pt idx="5462">
                  <c:v>54620</c:v>
                </c:pt>
                <c:pt idx="5463">
                  <c:v>54630</c:v>
                </c:pt>
                <c:pt idx="5464">
                  <c:v>54640</c:v>
                </c:pt>
                <c:pt idx="5465">
                  <c:v>54650</c:v>
                </c:pt>
                <c:pt idx="5466">
                  <c:v>54660</c:v>
                </c:pt>
                <c:pt idx="5467">
                  <c:v>54670</c:v>
                </c:pt>
                <c:pt idx="5468">
                  <c:v>54680</c:v>
                </c:pt>
                <c:pt idx="5469">
                  <c:v>54690</c:v>
                </c:pt>
                <c:pt idx="5470">
                  <c:v>54700</c:v>
                </c:pt>
                <c:pt idx="5471">
                  <c:v>54710</c:v>
                </c:pt>
                <c:pt idx="5472">
                  <c:v>54720</c:v>
                </c:pt>
                <c:pt idx="5473">
                  <c:v>54730</c:v>
                </c:pt>
                <c:pt idx="5474">
                  <c:v>54740</c:v>
                </c:pt>
                <c:pt idx="5475">
                  <c:v>54750</c:v>
                </c:pt>
                <c:pt idx="5476">
                  <c:v>54760</c:v>
                </c:pt>
                <c:pt idx="5477">
                  <c:v>54770</c:v>
                </c:pt>
                <c:pt idx="5478">
                  <c:v>54780</c:v>
                </c:pt>
                <c:pt idx="5479">
                  <c:v>54790</c:v>
                </c:pt>
                <c:pt idx="5480">
                  <c:v>54800</c:v>
                </c:pt>
                <c:pt idx="5481">
                  <c:v>54810</c:v>
                </c:pt>
                <c:pt idx="5482">
                  <c:v>54820</c:v>
                </c:pt>
                <c:pt idx="5483">
                  <c:v>54830</c:v>
                </c:pt>
                <c:pt idx="5484">
                  <c:v>54840</c:v>
                </c:pt>
                <c:pt idx="5485">
                  <c:v>54850</c:v>
                </c:pt>
                <c:pt idx="5486">
                  <c:v>54860</c:v>
                </c:pt>
                <c:pt idx="5487">
                  <c:v>54870</c:v>
                </c:pt>
                <c:pt idx="5488">
                  <c:v>54880</c:v>
                </c:pt>
                <c:pt idx="5489">
                  <c:v>54890</c:v>
                </c:pt>
                <c:pt idx="5490">
                  <c:v>54900</c:v>
                </c:pt>
                <c:pt idx="5491">
                  <c:v>54910</c:v>
                </c:pt>
                <c:pt idx="5492">
                  <c:v>54920</c:v>
                </c:pt>
                <c:pt idx="5493">
                  <c:v>54930</c:v>
                </c:pt>
                <c:pt idx="5494">
                  <c:v>54940</c:v>
                </c:pt>
                <c:pt idx="5495">
                  <c:v>54950</c:v>
                </c:pt>
                <c:pt idx="5496">
                  <c:v>54960</c:v>
                </c:pt>
                <c:pt idx="5497">
                  <c:v>54970</c:v>
                </c:pt>
                <c:pt idx="5498">
                  <c:v>54980</c:v>
                </c:pt>
                <c:pt idx="5499">
                  <c:v>54990</c:v>
                </c:pt>
                <c:pt idx="5500">
                  <c:v>55000</c:v>
                </c:pt>
                <c:pt idx="5501">
                  <c:v>55010</c:v>
                </c:pt>
                <c:pt idx="5502">
                  <c:v>55020</c:v>
                </c:pt>
                <c:pt idx="5503">
                  <c:v>55030</c:v>
                </c:pt>
                <c:pt idx="5504">
                  <c:v>55040</c:v>
                </c:pt>
                <c:pt idx="5505">
                  <c:v>55050</c:v>
                </c:pt>
                <c:pt idx="5506">
                  <c:v>55060</c:v>
                </c:pt>
                <c:pt idx="5507">
                  <c:v>55070</c:v>
                </c:pt>
                <c:pt idx="5508">
                  <c:v>55080</c:v>
                </c:pt>
                <c:pt idx="5509">
                  <c:v>55090</c:v>
                </c:pt>
                <c:pt idx="5510">
                  <c:v>55100</c:v>
                </c:pt>
                <c:pt idx="5511">
                  <c:v>55110</c:v>
                </c:pt>
                <c:pt idx="5512">
                  <c:v>55120</c:v>
                </c:pt>
                <c:pt idx="5513">
                  <c:v>55130</c:v>
                </c:pt>
                <c:pt idx="5514">
                  <c:v>55140</c:v>
                </c:pt>
                <c:pt idx="5515">
                  <c:v>55150</c:v>
                </c:pt>
                <c:pt idx="5516">
                  <c:v>55160</c:v>
                </c:pt>
                <c:pt idx="5517">
                  <c:v>55170</c:v>
                </c:pt>
                <c:pt idx="5518">
                  <c:v>55180</c:v>
                </c:pt>
                <c:pt idx="5519">
                  <c:v>55190</c:v>
                </c:pt>
                <c:pt idx="5520">
                  <c:v>55200</c:v>
                </c:pt>
                <c:pt idx="5521">
                  <c:v>55210</c:v>
                </c:pt>
                <c:pt idx="5522">
                  <c:v>55220</c:v>
                </c:pt>
                <c:pt idx="5523">
                  <c:v>55230</c:v>
                </c:pt>
                <c:pt idx="5524">
                  <c:v>55240</c:v>
                </c:pt>
                <c:pt idx="5525">
                  <c:v>55250</c:v>
                </c:pt>
                <c:pt idx="5526">
                  <c:v>55260</c:v>
                </c:pt>
                <c:pt idx="5527">
                  <c:v>55270</c:v>
                </c:pt>
                <c:pt idx="5528">
                  <c:v>55280</c:v>
                </c:pt>
                <c:pt idx="5529">
                  <c:v>55290</c:v>
                </c:pt>
                <c:pt idx="5530">
                  <c:v>55300</c:v>
                </c:pt>
                <c:pt idx="5531">
                  <c:v>55310</c:v>
                </c:pt>
                <c:pt idx="5532">
                  <c:v>55320</c:v>
                </c:pt>
                <c:pt idx="5533">
                  <c:v>55330</c:v>
                </c:pt>
                <c:pt idx="5534">
                  <c:v>55340</c:v>
                </c:pt>
                <c:pt idx="5535">
                  <c:v>55350</c:v>
                </c:pt>
                <c:pt idx="5536">
                  <c:v>55360</c:v>
                </c:pt>
                <c:pt idx="5537">
                  <c:v>55370</c:v>
                </c:pt>
                <c:pt idx="5538">
                  <c:v>55380</c:v>
                </c:pt>
                <c:pt idx="5539">
                  <c:v>55390</c:v>
                </c:pt>
                <c:pt idx="5540">
                  <c:v>55400</c:v>
                </c:pt>
                <c:pt idx="5541">
                  <c:v>55410</c:v>
                </c:pt>
                <c:pt idx="5542">
                  <c:v>55420</c:v>
                </c:pt>
                <c:pt idx="5543">
                  <c:v>55430</c:v>
                </c:pt>
                <c:pt idx="5544">
                  <c:v>55440</c:v>
                </c:pt>
                <c:pt idx="5545">
                  <c:v>55450</c:v>
                </c:pt>
                <c:pt idx="5546">
                  <c:v>55460</c:v>
                </c:pt>
                <c:pt idx="5547">
                  <c:v>55470</c:v>
                </c:pt>
                <c:pt idx="5548">
                  <c:v>55480</c:v>
                </c:pt>
                <c:pt idx="5549">
                  <c:v>55490</c:v>
                </c:pt>
                <c:pt idx="5550">
                  <c:v>55500</c:v>
                </c:pt>
                <c:pt idx="5551">
                  <c:v>55510</c:v>
                </c:pt>
                <c:pt idx="5552">
                  <c:v>55520</c:v>
                </c:pt>
                <c:pt idx="5553">
                  <c:v>55530</c:v>
                </c:pt>
                <c:pt idx="5554">
                  <c:v>55540</c:v>
                </c:pt>
                <c:pt idx="5555">
                  <c:v>55550</c:v>
                </c:pt>
                <c:pt idx="5556">
                  <c:v>55560</c:v>
                </c:pt>
                <c:pt idx="5557">
                  <c:v>55570</c:v>
                </c:pt>
                <c:pt idx="5558">
                  <c:v>55580</c:v>
                </c:pt>
                <c:pt idx="5559">
                  <c:v>55590</c:v>
                </c:pt>
                <c:pt idx="5560">
                  <c:v>55600</c:v>
                </c:pt>
                <c:pt idx="5561">
                  <c:v>55610</c:v>
                </c:pt>
                <c:pt idx="5562">
                  <c:v>55620</c:v>
                </c:pt>
                <c:pt idx="5563">
                  <c:v>55630</c:v>
                </c:pt>
                <c:pt idx="5564">
                  <c:v>55640</c:v>
                </c:pt>
                <c:pt idx="5565">
                  <c:v>55650</c:v>
                </c:pt>
                <c:pt idx="5566">
                  <c:v>55660</c:v>
                </c:pt>
                <c:pt idx="5567">
                  <c:v>55670</c:v>
                </c:pt>
                <c:pt idx="5568">
                  <c:v>55680</c:v>
                </c:pt>
                <c:pt idx="5569">
                  <c:v>55690</c:v>
                </c:pt>
                <c:pt idx="5570">
                  <c:v>55700</c:v>
                </c:pt>
                <c:pt idx="5571">
                  <c:v>55710</c:v>
                </c:pt>
                <c:pt idx="5572">
                  <c:v>55720</c:v>
                </c:pt>
                <c:pt idx="5573">
                  <c:v>55730</c:v>
                </c:pt>
                <c:pt idx="5574">
                  <c:v>55740</c:v>
                </c:pt>
                <c:pt idx="5575">
                  <c:v>55750</c:v>
                </c:pt>
                <c:pt idx="5576">
                  <c:v>55760</c:v>
                </c:pt>
                <c:pt idx="5577">
                  <c:v>55770</c:v>
                </c:pt>
                <c:pt idx="5578">
                  <c:v>55780</c:v>
                </c:pt>
                <c:pt idx="5579">
                  <c:v>55790</c:v>
                </c:pt>
                <c:pt idx="5580">
                  <c:v>55800</c:v>
                </c:pt>
                <c:pt idx="5581">
                  <c:v>55810</c:v>
                </c:pt>
                <c:pt idx="5582">
                  <c:v>55820</c:v>
                </c:pt>
                <c:pt idx="5583">
                  <c:v>55830</c:v>
                </c:pt>
                <c:pt idx="5584">
                  <c:v>55840</c:v>
                </c:pt>
                <c:pt idx="5585">
                  <c:v>55850</c:v>
                </c:pt>
                <c:pt idx="5586">
                  <c:v>55860</c:v>
                </c:pt>
                <c:pt idx="5587">
                  <c:v>55870</c:v>
                </c:pt>
                <c:pt idx="5588">
                  <c:v>55880</c:v>
                </c:pt>
                <c:pt idx="5589">
                  <c:v>55890</c:v>
                </c:pt>
                <c:pt idx="5590">
                  <c:v>55900</c:v>
                </c:pt>
                <c:pt idx="5591">
                  <c:v>55910</c:v>
                </c:pt>
                <c:pt idx="5592">
                  <c:v>55920</c:v>
                </c:pt>
                <c:pt idx="5593">
                  <c:v>55930</c:v>
                </c:pt>
                <c:pt idx="5594">
                  <c:v>55940</c:v>
                </c:pt>
                <c:pt idx="5595">
                  <c:v>55950</c:v>
                </c:pt>
                <c:pt idx="5596">
                  <c:v>55960</c:v>
                </c:pt>
                <c:pt idx="5597">
                  <c:v>55970</c:v>
                </c:pt>
                <c:pt idx="5598">
                  <c:v>55980</c:v>
                </c:pt>
                <c:pt idx="5599">
                  <c:v>55990</c:v>
                </c:pt>
                <c:pt idx="5600">
                  <c:v>56000</c:v>
                </c:pt>
                <c:pt idx="5601">
                  <c:v>56010</c:v>
                </c:pt>
                <c:pt idx="5602">
                  <c:v>56020</c:v>
                </c:pt>
                <c:pt idx="5603">
                  <c:v>56030</c:v>
                </c:pt>
                <c:pt idx="5604">
                  <c:v>56040</c:v>
                </c:pt>
                <c:pt idx="5605">
                  <c:v>56050</c:v>
                </c:pt>
                <c:pt idx="5606">
                  <c:v>56060</c:v>
                </c:pt>
                <c:pt idx="5607">
                  <c:v>56070</c:v>
                </c:pt>
                <c:pt idx="5608">
                  <c:v>56080</c:v>
                </c:pt>
                <c:pt idx="5609">
                  <c:v>56090</c:v>
                </c:pt>
                <c:pt idx="5610">
                  <c:v>56100</c:v>
                </c:pt>
                <c:pt idx="5611">
                  <c:v>56110</c:v>
                </c:pt>
                <c:pt idx="5612">
                  <c:v>56120</c:v>
                </c:pt>
                <c:pt idx="5613">
                  <c:v>56130</c:v>
                </c:pt>
                <c:pt idx="5614">
                  <c:v>56140</c:v>
                </c:pt>
                <c:pt idx="5615">
                  <c:v>56150</c:v>
                </c:pt>
                <c:pt idx="5616">
                  <c:v>56160</c:v>
                </c:pt>
                <c:pt idx="5617">
                  <c:v>56170</c:v>
                </c:pt>
                <c:pt idx="5618">
                  <c:v>56180</c:v>
                </c:pt>
                <c:pt idx="5619">
                  <c:v>56190</c:v>
                </c:pt>
                <c:pt idx="5620">
                  <c:v>56200</c:v>
                </c:pt>
                <c:pt idx="5621">
                  <c:v>56210</c:v>
                </c:pt>
                <c:pt idx="5622">
                  <c:v>56220</c:v>
                </c:pt>
                <c:pt idx="5623">
                  <c:v>56230</c:v>
                </c:pt>
                <c:pt idx="5624">
                  <c:v>56240</c:v>
                </c:pt>
                <c:pt idx="5625">
                  <c:v>56250</c:v>
                </c:pt>
                <c:pt idx="5626">
                  <c:v>56260</c:v>
                </c:pt>
                <c:pt idx="5627">
                  <c:v>56270</c:v>
                </c:pt>
                <c:pt idx="5628">
                  <c:v>56280</c:v>
                </c:pt>
                <c:pt idx="5629">
                  <c:v>56290</c:v>
                </c:pt>
                <c:pt idx="5630">
                  <c:v>56300</c:v>
                </c:pt>
                <c:pt idx="5631">
                  <c:v>56310</c:v>
                </c:pt>
                <c:pt idx="5632">
                  <c:v>56320</c:v>
                </c:pt>
                <c:pt idx="5633">
                  <c:v>56330</c:v>
                </c:pt>
                <c:pt idx="5634">
                  <c:v>56340</c:v>
                </c:pt>
                <c:pt idx="5635">
                  <c:v>56350</c:v>
                </c:pt>
                <c:pt idx="5636">
                  <c:v>56360</c:v>
                </c:pt>
                <c:pt idx="5637">
                  <c:v>56370</c:v>
                </c:pt>
                <c:pt idx="5638">
                  <c:v>56380</c:v>
                </c:pt>
                <c:pt idx="5639">
                  <c:v>56390</c:v>
                </c:pt>
                <c:pt idx="5640">
                  <c:v>56400</c:v>
                </c:pt>
                <c:pt idx="5641">
                  <c:v>56410</c:v>
                </c:pt>
                <c:pt idx="5642">
                  <c:v>56420</c:v>
                </c:pt>
                <c:pt idx="5643">
                  <c:v>56430</c:v>
                </c:pt>
                <c:pt idx="5644">
                  <c:v>56440</c:v>
                </c:pt>
                <c:pt idx="5645">
                  <c:v>56450</c:v>
                </c:pt>
                <c:pt idx="5646">
                  <c:v>56460</c:v>
                </c:pt>
                <c:pt idx="5647">
                  <c:v>56470</c:v>
                </c:pt>
                <c:pt idx="5648">
                  <c:v>56480</c:v>
                </c:pt>
                <c:pt idx="5649">
                  <c:v>56490</c:v>
                </c:pt>
                <c:pt idx="5650">
                  <c:v>56500</c:v>
                </c:pt>
                <c:pt idx="5651">
                  <c:v>56510</c:v>
                </c:pt>
                <c:pt idx="5652">
                  <c:v>56520</c:v>
                </c:pt>
                <c:pt idx="5653">
                  <c:v>56530</c:v>
                </c:pt>
                <c:pt idx="5654">
                  <c:v>56540</c:v>
                </c:pt>
                <c:pt idx="5655">
                  <c:v>56550</c:v>
                </c:pt>
                <c:pt idx="5656">
                  <c:v>56560</c:v>
                </c:pt>
                <c:pt idx="5657">
                  <c:v>56570</c:v>
                </c:pt>
                <c:pt idx="5658">
                  <c:v>56580</c:v>
                </c:pt>
                <c:pt idx="5659">
                  <c:v>56590</c:v>
                </c:pt>
                <c:pt idx="5660">
                  <c:v>56600</c:v>
                </c:pt>
                <c:pt idx="5661">
                  <c:v>56610</c:v>
                </c:pt>
                <c:pt idx="5662">
                  <c:v>56620</c:v>
                </c:pt>
                <c:pt idx="5663">
                  <c:v>56630</c:v>
                </c:pt>
                <c:pt idx="5664">
                  <c:v>56640</c:v>
                </c:pt>
                <c:pt idx="5665">
                  <c:v>56650</c:v>
                </c:pt>
                <c:pt idx="5666">
                  <c:v>56660</c:v>
                </c:pt>
                <c:pt idx="5667">
                  <c:v>56670</c:v>
                </c:pt>
                <c:pt idx="5668">
                  <c:v>56680</c:v>
                </c:pt>
                <c:pt idx="5669">
                  <c:v>56690</c:v>
                </c:pt>
                <c:pt idx="5670">
                  <c:v>56700</c:v>
                </c:pt>
                <c:pt idx="5671">
                  <c:v>56710</c:v>
                </c:pt>
                <c:pt idx="5672">
                  <c:v>56720</c:v>
                </c:pt>
                <c:pt idx="5673">
                  <c:v>56730</c:v>
                </c:pt>
                <c:pt idx="5674">
                  <c:v>56740</c:v>
                </c:pt>
                <c:pt idx="5675">
                  <c:v>56750</c:v>
                </c:pt>
                <c:pt idx="5676">
                  <c:v>56760</c:v>
                </c:pt>
                <c:pt idx="5677">
                  <c:v>56770</c:v>
                </c:pt>
                <c:pt idx="5678">
                  <c:v>56780</c:v>
                </c:pt>
                <c:pt idx="5679">
                  <c:v>56790</c:v>
                </c:pt>
                <c:pt idx="5680">
                  <c:v>56800</c:v>
                </c:pt>
                <c:pt idx="5681">
                  <c:v>56810</c:v>
                </c:pt>
                <c:pt idx="5682">
                  <c:v>56820</c:v>
                </c:pt>
                <c:pt idx="5683">
                  <c:v>56830</c:v>
                </c:pt>
                <c:pt idx="5684">
                  <c:v>56840</c:v>
                </c:pt>
                <c:pt idx="5685">
                  <c:v>56850</c:v>
                </c:pt>
                <c:pt idx="5686">
                  <c:v>56860</c:v>
                </c:pt>
                <c:pt idx="5687">
                  <c:v>56870</c:v>
                </c:pt>
                <c:pt idx="5688">
                  <c:v>56880</c:v>
                </c:pt>
                <c:pt idx="5689">
                  <c:v>56890</c:v>
                </c:pt>
                <c:pt idx="5690">
                  <c:v>56900</c:v>
                </c:pt>
                <c:pt idx="5691">
                  <c:v>56910</c:v>
                </c:pt>
                <c:pt idx="5692">
                  <c:v>56920</c:v>
                </c:pt>
                <c:pt idx="5693">
                  <c:v>56930</c:v>
                </c:pt>
                <c:pt idx="5694">
                  <c:v>56940</c:v>
                </c:pt>
                <c:pt idx="5695">
                  <c:v>56950</c:v>
                </c:pt>
                <c:pt idx="5696">
                  <c:v>56960</c:v>
                </c:pt>
                <c:pt idx="5697">
                  <c:v>56970</c:v>
                </c:pt>
                <c:pt idx="5698">
                  <c:v>56980</c:v>
                </c:pt>
                <c:pt idx="5699">
                  <c:v>56990</c:v>
                </c:pt>
                <c:pt idx="5700">
                  <c:v>57000</c:v>
                </c:pt>
                <c:pt idx="5701">
                  <c:v>57010</c:v>
                </c:pt>
                <c:pt idx="5702">
                  <c:v>57020</c:v>
                </c:pt>
                <c:pt idx="5703">
                  <c:v>57030</c:v>
                </c:pt>
                <c:pt idx="5704">
                  <c:v>57040</c:v>
                </c:pt>
                <c:pt idx="5705">
                  <c:v>57050</c:v>
                </c:pt>
                <c:pt idx="5706">
                  <c:v>57060</c:v>
                </c:pt>
                <c:pt idx="5707">
                  <c:v>57070</c:v>
                </c:pt>
                <c:pt idx="5708">
                  <c:v>57080</c:v>
                </c:pt>
                <c:pt idx="5709">
                  <c:v>57090</c:v>
                </c:pt>
                <c:pt idx="5710">
                  <c:v>57100</c:v>
                </c:pt>
                <c:pt idx="5711">
                  <c:v>57110</c:v>
                </c:pt>
                <c:pt idx="5712">
                  <c:v>57120</c:v>
                </c:pt>
                <c:pt idx="5713">
                  <c:v>57130</c:v>
                </c:pt>
                <c:pt idx="5714">
                  <c:v>57140</c:v>
                </c:pt>
                <c:pt idx="5715">
                  <c:v>57150</c:v>
                </c:pt>
                <c:pt idx="5716">
                  <c:v>57160</c:v>
                </c:pt>
                <c:pt idx="5717">
                  <c:v>57170</c:v>
                </c:pt>
                <c:pt idx="5718">
                  <c:v>57180</c:v>
                </c:pt>
                <c:pt idx="5719">
                  <c:v>57190</c:v>
                </c:pt>
                <c:pt idx="5720">
                  <c:v>57200</c:v>
                </c:pt>
                <c:pt idx="5721">
                  <c:v>57210</c:v>
                </c:pt>
                <c:pt idx="5722">
                  <c:v>57220</c:v>
                </c:pt>
                <c:pt idx="5723">
                  <c:v>57230</c:v>
                </c:pt>
                <c:pt idx="5724">
                  <c:v>57240</c:v>
                </c:pt>
                <c:pt idx="5725">
                  <c:v>57250</c:v>
                </c:pt>
                <c:pt idx="5726">
                  <c:v>57260</c:v>
                </c:pt>
                <c:pt idx="5727">
                  <c:v>57270</c:v>
                </c:pt>
                <c:pt idx="5728">
                  <c:v>57280</c:v>
                </c:pt>
                <c:pt idx="5729">
                  <c:v>57290</c:v>
                </c:pt>
                <c:pt idx="5730">
                  <c:v>57300</c:v>
                </c:pt>
                <c:pt idx="5731">
                  <c:v>57310</c:v>
                </c:pt>
                <c:pt idx="5732">
                  <c:v>57320</c:v>
                </c:pt>
                <c:pt idx="5733">
                  <c:v>57330</c:v>
                </c:pt>
                <c:pt idx="5734">
                  <c:v>57340</c:v>
                </c:pt>
                <c:pt idx="5735">
                  <c:v>57350</c:v>
                </c:pt>
                <c:pt idx="5736">
                  <c:v>57360</c:v>
                </c:pt>
                <c:pt idx="5737">
                  <c:v>57370</c:v>
                </c:pt>
                <c:pt idx="5738">
                  <c:v>57380</c:v>
                </c:pt>
                <c:pt idx="5739">
                  <c:v>57390</c:v>
                </c:pt>
                <c:pt idx="5740">
                  <c:v>57400</c:v>
                </c:pt>
                <c:pt idx="5741">
                  <c:v>57410</c:v>
                </c:pt>
                <c:pt idx="5742">
                  <c:v>57420</c:v>
                </c:pt>
                <c:pt idx="5743">
                  <c:v>57430</c:v>
                </c:pt>
                <c:pt idx="5744">
                  <c:v>57440</c:v>
                </c:pt>
                <c:pt idx="5745">
                  <c:v>57450</c:v>
                </c:pt>
                <c:pt idx="5746">
                  <c:v>57460</c:v>
                </c:pt>
                <c:pt idx="5747">
                  <c:v>57470</c:v>
                </c:pt>
                <c:pt idx="5748">
                  <c:v>57480</c:v>
                </c:pt>
                <c:pt idx="5749">
                  <c:v>57490</c:v>
                </c:pt>
                <c:pt idx="5750">
                  <c:v>57500</c:v>
                </c:pt>
                <c:pt idx="5751">
                  <c:v>57510</c:v>
                </c:pt>
                <c:pt idx="5752">
                  <c:v>57520</c:v>
                </c:pt>
                <c:pt idx="5753">
                  <c:v>57530</c:v>
                </c:pt>
                <c:pt idx="5754">
                  <c:v>57540</c:v>
                </c:pt>
                <c:pt idx="5755">
                  <c:v>57550</c:v>
                </c:pt>
                <c:pt idx="5756">
                  <c:v>57560</c:v>
                </c:pt>
                <c:pt idx="5757">
                  <c:v>57570</c:v>
                </c:pt>
                <c:pt idx="5758">
                  <c:v>57580</c:v>
                </c:pt>
                <c:pt idx="5759">
                  <c:v>57590</c:v>
                </c:pt>
                <c:pt idx="5760">
                  <c:v>57600</c:v>
                </c:pt>
                <c:pt idx="5761">
                  <c:v>57610</c:v>
                </c:pt>
                <c:pt idx="5762">
                  <c:v>57620</c:v>
                </c:pt>
                <c:pt idx="5763">
                  <c:v>57630</c:v>
                </c:pt>
                <c:pt idx="5764">
                  <c:v>57640</c:v>
                </c:pt>
                <c:pt idx="5765">
                  <c:v>57650</c:v>
                </c:pt>
                <c:pt idx="5766">
                  <c:v>57660</c:v>
                </c:pt>
                <c:pt idx="5767">
                  <c:v>57670</c:v>
                </c:pt>
                <c:pt idx="5768">
                  <c:v>57680</c:v>
                </c:pt>
                <c:pt idx="5769">
                  <c:v>57690</c:v>
                </c:pt>
                <c:pt idx="5770">
                  <c:v>57700</c:v>
                </c:pt>
                <c:pt idx="5771">
                  <c:v>57710</c:v>
                </c:pt>
                <c:pt idx="5772">
                  <c:v>57720</c:v>
                </c:pt>
                <c:pt idx="5773">
                  <c:v>57730</c:v>
                </c:pt>
                <c:pt idx="5774">
                  <c:v>57740</c:v>
                </c:pt>
                <c:pt idx="5775">
                  <c:v>57750</c:v>
                </c:pt>
                <c:pt idx="5776">
                  <c:v>57760</c:v>
                </c:pt>
                <c:pt idx="5777">
                  <c:v>57770</c:v>
                </c:pt>
                <c:pt idx="5778">
                  <c:v>57780</c:v>
                </c:pt>
                <c:pt idx="5779">
                  <c:v>57790</c:v>
                </c:pt>
                <c:pt idx="5780">
                  <c:v>57800</c:v>
                </c:pt>
                <c:pt idx="5781">
                  <c:v>57810</c:v>
                </c:pt>
                <c:pt idx="5782">
                  <c:v>57820</c:v>
                </c:pt>
                <c:pt idx="5783">
                  <c:v>57830</c:v>
                </c:pt>
                <c:pt idx="5784">
                  <c:v>57840</c:v>
                </c:pt>
                <c:pt idx="5785">
                  <c:v>57850</c:v>
                </c:pt>
                <c:pt idx="5786">
                  <c:v>57860</c:v>
                </c:pt>
                <c:pt idx="5787">
                  <c:v>57870</c:v>
                </c:pt>
                <c:pt idx="5788">
                  <c:v>57880</c:v>
                </c:pt>
                <c:pt idx="5789">
                  <c:v>57890</c:v>
                </c:pt>
                <c:pt idx="5790">
                  <c:v>57900</c:v>
                </c:pt>
                <c:pt idx="5791">
                  <c:v>57910</c:v>
                </c:pt>
                <c:pt idx="5792">
                  <c:v>57920</c:v>
                </c:pt>
                <c:pt idx="5793">
                  <c:v>57930</c:v>
                </c:pt>
                <c:pt idx="5794">
                  <c:v>57940</c:v>
                </c:pt>
                <c:pt idx="5795">
                  <c:v>57950</c:v>
                </c:pt>
                <c:pt idx="5796">
                  <c:v>57960</c:v>
                </c:pt>
                <c:pt idx="5797">
                  <c:v>57970</c:v>
                </c:pt>
                <c:pt idx="5798">
                  <c:v>57980</c:v>
                </c:pt>
                <c:pt idx="5799">
                  <c:v>57990</c:v>
                </c:pt>
                <c:pt idx="5800">
                  <c:v>58000</c:v>
                </c:pt>
                <c:pt idx="5801">
                  <c:v>58010</c:v>
                </c:pt>
                <c:pt idx="5802">
                  <c:v>58020</c:v>
                </c:pt>
                <c:pt idx="5803">
                  <c:v>58030</c:v>
                </c:pt>
                <c:pt idx="5804">
                  <c:v>58040</c:v>
                </c:pt>
                <c:pt idx="5805">
                  <c:v>58050</c:v>
                </c:pt>
                <c:pt idx="5806">
                  <c:v>58060</c:v>
                </c:pt>
                <c:pt idx="5807">
                  <c:v>58070</c:v>
                </c:pt>
                <c:pt idx="5808">
                  <c:v>58080</c:v>
                </c:pt>
                <c:pt idx="5809">
                  <c:v>58090</c:v>
                </c:pt>
                <c:pt idx="5810">
                  <c:v>58100</c:v>
                </c:pt>
                <c:pt idx="5811">
                  <c:v>58110</c:v>
                </c:pt>
                <c:pt idx="5812">
                  <c:v>58120</c:v>
                </c:pt>
                <c:pt idx="5813">
                  <c:v>58130</c:v>
                </c:pt>
                <c:pt idx="5814">
                  <c:v>58140</c:v>
                </c:pt>
                <c:pt idx="5815">
                  <c:v>58150</c:v>
                </c:pt>
                <c:pt idx="5816">
                  <c:v>58160</c:v>
                </c:pt>
                <c:pt idx="5817">
                  <c:v>58170</c:v>
                </c:pt>
                <c:pt idx="5818">
                  <c:v>58180</c:v>
                </c:pt>
                <c:pt idx="5819">
                  <c:v>58190</c:v>
                </c:pt>
                <c:pt idx="5820">
                  <c:v>58200</c:v>
                </c:pt>
                <c:pt idx="5821">
                  <c:v>58210</c:v>
                </c:pt>
                <c:pt idx="5822">
                  <c:v>58220</c:v>
                </c:pt>
                <c:pt idx="5823">
                  <c:v>58230</c:v>
                </c:pt>
                <c:pt idx="5824">
                  <c:v>58240</c:v>
                </c:pt>
                <c:pt idx="5825">
                  <c:v>58250</c:v>
                </c:pt>
                <c:pt idx="5826">
                  <c:v>58260</c:v>
                </c:pt>
                <c:pt idx="5827">
                  <c:v>58270</c:v>
                </c:pt>
                <c:pt idx="5828">
                  <c:v>58280</c:v>
                </c:pt>
                <c:pt idx="5829">
                  <c:v>58290</c:v>
                </c:pt>
                <c:pt idx="5830">
                  <c:v>58300</c:v>
                </c:pt>
                <c:pt idx="5831">
                  <c:v>58310</c:v>
                </c:pt>
                <c:pt idx="5832">
                  <c:v>58320</c:v>
                </c:pt>
                <c:pt idx="5833">
                  <c:v>58330</c:v>
                </c:pt>
                <c:pt idx="5834">
                  <c:v>58340</c:v>
                </c:pt>
                <c:pt idx="5835">
                  <c:v>58350</c:v>
                </c:pt>
                <c:pt idx="5836">
                  <c:v>58360</c:v>
                </c:pt>
                <c:pt idx="5837">
                  <c:v>58370</c:v>
                </c:pt>
                <c:pt idx="5838">
                  <c:v>58380</c:v>
                </c:pt>
                <c:pt idx="5839">
                  <c:v>58390</c:v>
                </c:pt>
                <c:pt idx="5840">
                  <c:v>58400</c:v>
                </c:pt>
                <c:pt idx="5841">
                  <c:v>58410</c:v>
                </c:pt>
                <c:pt idx="5842">
                  <c:v>58420</c:v>
                </c:pt>
                <c:pt idx="5843">
                  <c:v>58430</c:v>
                </c:pt>
                <c:pt idx="5844">
                  <c:v>58440</c:v>
                </c:pt>
                <c:pt idx="5845">
                  <c:v>58450</c:v>
                </c:pt>
                <c:pt idx="5846">
                  <c:v>58460</c:v>
                </c:pt>
                <c:pt idx="5847">
                  <c:v>58470</c:v>
                </c:pt>
                <c:pt idx="5848">
                  <c:v>58480</c:v>
                </c:pt>
                <c:pt idx="5849">
                  <c:v>58490</c:v>
                </c:pt>
                <c:pt idx="5850">
                  <c:v>58500</c:v>
                </c:pt>
                <c:pt idx="5851">
                  <c:v>58510</c:v>
                </c:pt>
                <c:pt idx="5852">
                  <c:v>58520</c:v>
                </c:pt>
                <c:pt idx="5853">
                  <c:v>58530</c:v>
                </c:pt>
                <c:pt idx="5854">
                  <c:v>58540</c:v>
                </c:pt>
                <c:pt idx="5855">
                  <c:v>58550</c:v>
                </c:pt>
                <c:pt idx="5856">
                  <c:v>58560</c:v>
                </c:pt>
                <c:pt idx="5857">
                  <c:v>58570</c:v>
                </c:pt>
                <c:pt idx="5858">
                  <c:v>58580</c:v>
                </c:pt>
                <c:pt idx="5859">
                  <c:v>58590</c:v>
                </c:pt>
                <c:pt idx="5860">
                  <c:v>58600</c:v>
                </c:pt>
                <c:pt idx="5861">
                  <c:v>58610</c:v>
                </c:pt>
                <c:pt idx="5862">
                  <c:v>58620</c:v>
                </c:pt>
                <c:pt idx="5863">
                  <c:v>58630</c:v>
                </c:pt>
                <c:pt idx="5864">
                  <c:v>58640</c:v>
                </c:pt>
                <c:pt idx="5865">
                  <c:v>58650</c:v>
                </c:pt>
                <c:pt idx="5866">
                  <c:v>58660</c:v>
                </c:pt>
                <c:pt idx="5867">
                  <c:v>58670</c:v>
                </c:pt>
                <c:pt idx="5868">
                  <c:v>58680</c:v>
                </c:pt>
                <c:pt idx="5869">
                  <c:v>58690</c:v>
                </c:pt>
                <c:pt idx="5870">
                  <c:v>58700</c:v>
                </c:pt>
                <c:pt idx="5871">
                  <c:v>58710</c:v>
                </c:pt>
                <c:pt idx="5872">
                  <c:v>58720</c:v>
                </c:pt>
                <c:pt idx="5873">
                  <c:v>58730</c:v>
                </c:pt>
                <c:pt idx="5874">
                  <c:v>58740</c:v>
                </c:pt>
                <c:pt idx="5875">
                  <c:v>58750</c:v>
                </c:pt>
                <c:pt idx="5876">
                  <c:v>58760</c:v>
                </c:pt>
                <c:pt idx="5877">
                  <c:v>58770</c:v>
                </c:pt>
                <c:pt idx="5878">
                  <c:v>58780</c:v>
                </c:pt>
                <c:pt idx="5879">
                  <c:v>58790</c:v>
                </c:pt>
                <c:pt idx="5880">
                  <c:v>58800</c:v>
                </c:pt>
                <c:pt idx="5881">
                  <c:v>58810</c:v>
                </c:pt>
                <c:pt idx="5882">
                  <c:v>58820</c:v>
                </c:pt>
                <c:pt idx="5883">
                  <c:v>58830</c:v>
                </c:pt>
                <c:pt idx="5884">
                  <c:v>58840</c:v>
                </c:pt>
                <c:pt idx="5885">
                  <c:v>58850</c:v>
                </c:pt>
                <c:pt idx="5886">
                  <c:v>58860</c:v>
                </c:pt>
                <c:pt idx="5887">
                  <c:v>58870</c:v>
                </c:pt>
                <c:pt idx="5888">
                  <c:v>58880</c:v>
                </c:pt>
                <c:pt idx="5889">
                  <c:v>58890</c:v>
                </c:pt>
                <c:pt idx="5890">
                  <c:v>58900</c:v>
                </c:pt>
                <c:pt idx="5891">
                  <c:v>58910</c:v>
                </c:pt>
                <c:pt idx="5892">
                  <c:v>58920</c:v>
                </c:pt>
                <c:pt idx="5893">
                  <c:v>58930</c:v>
                </c:pt>
                <c:pt idx="5894">
                  <c:v>58940</c:v>
                </c:pt>
                <c:pt idx="5895">
                  <c:v>58950</c:v>
                </c:pt>
                <c:pt idx="5896">
                  <c:v>58960</c:v>
                </c:pt>
                <c:pt idx="5897">
                  <c:v>58970</c:v>
                </c:pt>
                <c:pt idx="5898">
                  <c:v>58980</c:v>
                </c:pt>
                <c:pt idx="5899">
                  <c:v>58990</c:v>
                </c:pt>
                <c:pt idx="5900">
                  <c:v>59000</c:v>
                </c:pt>
                <c:pt idx="5901">
                  <c:v>59010</c:v>
                </c:pt>
                <c:pt idx="5902">
                  <c:v>59020</c:v>
                </c:pt>
                <c:pt idx="5903">
                  <c:v>59030</c:v>
                </c:pt>
                <c:pt idx="5904">
                  <c:v>59040</c:v>
                </c:pt>
                <c:pt idx="5905">
                  <c:v>59050</c:v>
                </c:pt>
                <c:pt idx="5906">
                  <c:v>59060</c:v>
                </c:pt>
                <c:pt idx="5907">
                  <c:v>59070</c:v>
                </c:pt>
                <c:pt idx="5908">
                  <c:v>59080</c:v>
                </c:pt>
                <c:pt idx="5909">
                  <c:v>59090</c:v>
                </c:pt>
                <c:pt idx="5910">
                  <c:v>59100</c:v>
                </c:pt>
                <c:pt idx="5911">
                  <c:v>59110</c:v>
                </c:pt>
                <c:pt idx="5912">
                  <c:v>59120</c:v>
                </c:pt>
                <c:pt idx="5913">
                  <c:v>59130</c:v>
                </c:pt>
                <c:pt idx="5914">
                  <c:v>59140</c:v>
                </c:pt>
                <c:pt idx="5915">
                  <c:v>59150</c:v>
                </c:pt>
                <c:pt idx="5916">
                  <c:v>59160</c:v>
                </c:pt>
                <c:pt idx="5917">
                  <c:v>59170</c:v>
                </c:pt>
                <c:pt idx="5918">
                  <c:v>59180</c:v>
                </c:pt>
                <c:pt idx="5919">
                  <c:v>59190</c:v>
                </c:pt>
                <c:pt idx="5920">
                  <c:v>59200</c:v>
                </c:pt>
                <c:pt idx="5921">
                  <c:v>59210</c:v>
                </c:pt>
                <c:pt idx="5922">
                  <c:v>59220</c:v>
                </c:pt>
                <c:pt idx="5923">
                  <c:v>59230</c:v>
                </c:pt>
                <c:pt idx="5924">
                  <c:v>59240</c:v>
                </c:pt>
                <c:pt idx="5925">
                  <c:v>59250</c:v>
                </c:pt>
                <c:pt idx="5926">
                  <c:v>59260</c:v>
                </c:pt>
                <c:pt idx="5927">
                  <c:v>59270</c:v>
                </c:pt>
                <c:pt idx="5928">
                  <c:v>59280</c:v>
                </c:pt>
                <c:pt idx="5929">
                  <c:v>59290</c:v>
                </c:pt>
                <c:pt idx="5930">
                  <c:v>59300</c:v>
                </c:pt>
                <c:pt idx="5931">
                  <c:v>59310</c:v>
                </c:pt>
                <c:pt idx="5932">
                  <c:v>59320</c:v>
                </c:pt>
                <c:pt idx="5933">
                  <c:v>59330</c:v>
                </c:pt>
                <c:pt idx="5934">
                  <c:v>59340</c:v>
                </c:pt>
                <c:pt idx="5935">
                  <c:v>59350</c:v>
                </c:pt>
                <c:pt idx="5936">
                  <c:v>59360</c:v>
                </c:pt>
                <c:pt idx="5937">
                  <c:v>59370</c:v>
                </c:pt>
                <c:pt idx="5938">
                  <c:v>59380</c:v>
                </c:pt>
                <c:pt idx="5939">
                  <c:v>59390</c:v>
                </c:pt>
                <c:pt idx="5940">
                  <c:v>59400</c:v>
                </c:pt>
                <c:pt idx="5941">
                  <c:v>59410</c:v>
                </c:pt>
                <c:pt idx="5942">
                  <c:v>59420</c:v>
                </c:pt>
                <c:pt idx="5943">
                  <c:v>59430</c:v>
                </c:pt>
                <c:pt idx="5944">
                  <c:v>59440</c:v>
                </c:pt>
                <c:pt idx="5945">
                  <c:v>59450</c:v>
                </c:pt>
                <c:pt idx="5946">
                  <c:v>59460</c:v>
                </c:pt>
                <c:pt idx="5947">
                  <c:v>59470</c:v>
                </c:pt>
                <c:pt idx="5948">
                  <c:v>59480</c:v>
                </c:pt>
                <c:pt idx="5949">
                  <c:v>59490</c:v>
                </c:pt>
                <c:pt idx="5950">
                  <c:v>59500</c:v>
                </c:pt>
                <c:pt idx="5951">
                  <c:v>59510</c:v>
                </c:pt>
                <c:pt idx="5952">
                  <c:v>59520</c:v>
                </c:pt>
                <c:pt idx="5953">
                  <c:v>59530</c:v>
                </c:pt>
                <c:pt idx="5954">
                  <c:v>59540</c:v>
                </c:pt>
                <c:pt idx="5955">
                  <c:v>59550</c:v>
                </c:pt>
                <c:pt idx="5956">
                  <c:v>59560</c:v>
                </c:pt>
                <c:pt idx="5957">
                  <c:v>59570</c:v>
                </c:pt>
                <c:pt idx="5958">
                  <c:v>59580</c:v>
                </c:pt>
                <c:pt idx="5959">
                  <c:v>59590</c:v>
                </c:pt>
                <c:pt idx="5960">
                  <c:v>59600</c:v>
                </c:pt>
                <c:pt idx="5961">
                  <c:v>59610</c:v>
                </c:pt>
                <c:pt idx="5962">
                  <c:v>59620</c:v>
                </c:pt>
                <c:pt idx="5963">
                  <c:v>59630</c:v>
                </c:pt>
                <c:pt idx="5964">
                  <c:v>59640</c:v>
                </c:pt>
                <c:pt idx="5965">
                  <c:v>59650</c:v>
                </c:pt>
                <c:pt idx="5966">
                  <c:v>59660</c:v>
                </c:pt>
                <c:pt idx="5967">
                  <c:v>59670</c:v>
                </c:pt>
                <c:pt idx="5968">
                  <c:v>59680</c:v>
                </c:pt>
                <c:pt idx="5969">
                  <c:v>59690</c:v>
                </c:pt>
                <c:pt idx="5970">
                  <c:v>59700</c:v>
                </c:pt>
                <c:pt idx="5971">
                  <c:v>59710</c:v>
                </c:pt>
                <c:pt idx="5972">
                  <c:v>59720</c:v>
                </c:pt>
                <c:pt idx="5973">
                  <c:v>59730</c:v>
                </c:pt>
                <c:pt idx="5974">
                  <c:v>59740</c:v>
                </c:pt>
                <c:pt idx="5975">
                  <c:v>59750</c:v>
                </c:pt>
                <c:pt idx="5976">
                  <c:v>59760</c:v>
                </c:pt>
                <c:pt idx="5977">
                  <c:v>59770</c:v>
                </c:pt>
                <c:pt idx="5978">
                  <c:v>59780</c:v>
                </c:pt>
                <c:pt idx="5979">
                  <c:v>59790</c:v>
                </c:pt>
                <c:pt idx="5980">
                  <c:v>59800</c:v>
                </c:pt>
                <c:pt idx="5981">
                  <c:v>59810</c:v>
                </c:pt>
                <c:pt idx="5982">
                  <c:v>59820</c:v>
                </c:pt>
                <c:pt idx="5983">
                  <c:v>59830</c:v>
                </c:pt>
                <c:pt idx="5984">
                  <c:v>59840</c:v>
                </c:pt>
                <c:pt idx="5985">
                  <c:v>59850</c:v>
                </c:pt>
                <c:pt idx="5986">
                  <c:v>59860</c:v>
                </c:pt>
                <c:pt idx="5987">
                  <c:v>59870</c:v>
                </c:pt>
                <c:pt idx="5988">
                  <c:v>59880</c:v>
                </c:pt>
                <c:pt idx="5989">
                  <c:v>59890</c:v>
                </c:pt>
                <c:pt idx="5990">
                  <c:v>59900</c:v>
                </c:pt>
                <c:pt idx="5991">
                  <c:v>59910</c:v>
                </c:pt>
                <c:pt idx="5992">
                  <c:v>59920</c:v>
                </c:pt>
                <c:pt idx="5993">
                  <c:v>59930</c:v>
                </c:pt>
                <c:pt idx="5994">
                  <c:v>59940</c:v>
                </c:pt>
                <c:pt idx="5995">
                  <c:v>59950</c:v>
                </c:pt>
                <c:pt idx="5996">
                  <c:v>59960</c:v>
                </c:pt>
                <c:pt idx="5997">
                  <c:v>59970</c:v>
                </c:pt>
                <c:pt idx="5998">
                  <c:v>59980</c:v>
                </c:pt>
                <c:pt idx="5999">
                  <c:v>59990</c:v>
                </c:pt>
                <c:pt idx="6000">
                  <c:v>60000</c:v>
                </c:pt>
                <c:pt idx="6001">
                  <c:v>60010</c:v>
                </c:pt>
                <c:pt idx="6002">
                  <c:v>60020</c:v>
                </c:pt>
                <c:pt idx="6003">
                  <c:v>60030</c:v>
                </c:pt>
                <c:pt idx="6004">
                  <c:v>60040</c:v>
                </c:pt>
                <c:pt idx="6005">
                  <c:v>60050</c:v>
                </c:pt>
                <c:pt idx="6006">
                  <c:v>60060</c:v>
                </c:pt>
                <c:pt idx="6007">
                  <c:v>60070</c:v>
                </c:pt>
                <c:pt idx="6008">
                  <c:v>60080</c:v>
                </c:pt>
                <c:pt idx="6009">
                  <c:v>60090</c:v>
                </c:pt>
                <c:pt idx="6010">
                  <c:v>60100</c:v>
                </c:pt>
                <c:pt idx="6011">
                  <c:v>60110</c:v>
                </c:pt>
                <c:pt idx="6012">
                  <c:v>60120</c:v>
                </c:pt>
                <c:pt idx="6013">
                  <c:v>60130</c:v>
                </c:pt>
                <c:pt idx="6014">
                  <c:v>60140</c:v>
                </c:pt>
                <c:pt idx="6015">
                  <c:v>60150</c:v>
                </c:pt>
                <c:pt idx="6016">
                  <c:v>60160</c:v>
                </c:pt>
                <c:pt idx="6017">
                  <c:v>60170</c:v>
                </c:pt>
                <c:pt idx="6018">
                  <c:v>60180</c:v>
                </c:pt>
                <c:pt idx="6019">
                  <c:v>60190</c:v>
                </c:pt>
                <c:pt idx="6020">
                  <c:v>60200</c:v>
                </c:pt>
                <c:pt idx="6021">
                  <c:v>60210</c:v>
                </c:pt>
                <c:pt idx="6022">
                  <c:v>60220</c:v>
                </c:pt>
                <c:pt idx="6023">
                  <c:v>60230</c:v>
                </c:pt>
                <c:pt idx="6024">
                  <c:v>60240</c:v>
                </c:pt>
                <c:pt idx="6025">
                  <c:v>60250</c:v>
                </c:pt>
                <c:pt idx="6026">
                  <c:v>60260</c:v>
                </c:pt>
                <c:pt idx="6027">
                  <c:v>60270</c:v>
                </c:pt>
                <c:pt idx="6028">
                  <c:v>60280</c:v>
                </c:pt>
                <c:pt idx="6029">
                  <c:v>60290</c:v>
                </c:pt>
                <c:pt idx="6030">
                  <c:v>60300</c:v>
                </c:pt>
                <c:pt idx="6031">
                  <c:v>60310</c:v>
                </c:pt>
                <c:pt idx="6032">
                  <c:v>60320</c:v>
                </c:pt>
                <c:pt idx="6033">
                  <c:v>60330</c:v>
                </c:pt>
                <c:pt idx="6034">
                  <c:v>60340</c:v>
                </c:pt>
                <c:pt idx="6035">
                  <c:v>60350</c:v>
                </c:pt>
                <c:pt idx="6036">
                  <c:v>60360</c:v>
                </c:pt>
                <c:pt idx="6037">
                  <c:v>60370</c:v>
                </c:pt>
                <c:pt idx="6038">
                  <c:v>60380</c:v>
                </c:pt>
                <c:pt idx="6039">
                  <c:v>60390</c:v>
                </c:pt>
                <c:pt idx="6040">
                  <c:v>60400</c:v>
                </c:pt>
                <c:pt idx="6041">
                  <c:v>60410</c:v>
                </c:pt>
                <c:pt idx="6042">
                  <c:v>60420</c:v>
                </c:pt>
                <c:pt idx="6043">
                  <c:v>60430</c:v>
                </c:pt>
                <c:pt idx="6044">
                  <c:v>60440</c:v>
                </c:pt>
                <c:pt idx="6045">
                  <c:v>60450</c:v>
                </c:pt>
                <c:pt idx="6046">
                  <c:v>60460</c:v>
                </c:pt>
                <c:pt idx="6047">
                  <c:v>60470</c:v>
                </c:pt>
                <c:pt idx="6048">
                  <c:v>60480</c:v>
                </c:pt>
                <c:pt idx="6049">
                  <c:v>60490</c:v>
                </c:pt>
                <c:pt idx="6050">
                  <c:v>60500</c:v>
                </c:pt>
                <c:pt idx="6051">
                  <c:v>60510</c:v>
                </c:pt>
                <c:pt idx="6052">
                  <c:v>60520</c:v>
                </c:pt>
                <c:pt idx="6053">
                  <c:v>60530</c:v>
                </c:pt>
                <c:pt idx="6054">
                  <c:v>60540</c:v>
                </c:pt>
                <c:pt idx="6055">
                  <c:v>60550</c:v>
                </c:pt>
                <c:pt idx="6056">
                  <c:v>60560</c:v>
                </c:pt>
                <c:pt idx="6057">
                  <c:v>60570</c:v>
                </c:pt>
                <c:pt idx="6058">
                  <c:v>60580</c:v>
                </c:pt>
                <c:pt idx="6059">
                  <c:v>60590</c:v>
                </c:pt>
                <c:pt idx="6060">
                  <c:v>60600</c:v>
                </c:pt>
                <c:pt idx="6061">
                  <c:v>60610</c:v>
                </c:pt>
                <c:pt idx="6062">
                  <c:v>60620</c:v>
                </c:pt>
                <c:pt idx="6063">
                  <c:v>60630</c:v>
                </c:pt>
                <c:pt idx="6064">
                  <c:v>60640</c:v>
                </c:pt>
                <c:pt idx="6065">
                  <c:v>60650</c:v>
                </c:pt>
                <c:pt idx="6066">
                  <c:v>60660</c:v>
                </c:pt>
                <c:pt idx="6067">
                  <c:v>60670</c:v>
                </c:pt>
                <c:pt idx="6068">
                  <c:v>60680</c:v>
                </c:pt>
                <c:pt idx="6069">
                  <c:v>60690</c:v>
                </c:pt>
                <c:pt idx="6070">
                  <c:v>60700</c:v>
                </c:pt>
                <c:pt idx="6071">
                  <c:v>60710</c:v>
                </c:pt>
                <c:pt idx="6072">
                  <c:v>60720</c:v>
                </c:pt>
                <c:pt idx="6073">
                  <c:v>60730</c:v>
                </c:pt>
                <c:pt idx="6074">
                  <c:v>60740</c:v>
                </c:pt>
                <c:pt idx="6075">
                  <c:v>60750</c:v>
                </c:pt>
                <c:pt idx="6076">
                  <c:v>60760</c:v>
                </c:pt>
                <c:pt idx="6077">
                  <c:v>60770</c:v>
                </c:pt>
                <c:pt idx="6078">
                  <c:v>60780</c:v>
                </c:pt>
                <c:pt idx="6079">
                  <c:v>60790</c:v>
                </c:pt>
                <c:pt idx="6080">
                  <c:v>60800</c:v>
                </c:pt>
                <c:pt idx="6081">
                  <c:v>60810</c:v>
                </c:pt>
                <c:pt idx="6082">
                  <c:v>60820</c:v>
                </c:pt>
                <c:pt idx="6083">
                  <c:v>60830</c:v>
                </c:pt>
                <c:pt idx="6084">
                  <c:v>60840</c:v>
                </c:pt>
                <c:pt idx="6085">
                  <c:v>60850</c:v>
                </c:pt>
                <c:pt idx="6086">
                  <c:v>60860</c:v>
                </c:pt>
                <c:pt idx="6087">
                  <c:v>60870</c:v>
                </c:pt>
                <c:pt idx="6088">
                  <c:v>60880</c:v>
                </c:pt>
                <c:pt idx="6089">
                  <c:v>60890</c:v>
                </c:pt>
                <c:pt idx="6090">
                  <c:v>60900</c:v>
                </c:pt>
                <c:pt idx="6091">
                  <c:v>60910</c:v>
                </c:pt>
                <c:pt idx="6092">
                  <c:v>60920</c:v>
                </c:pt>
                <c:pt idx="6093">
                  <c:v>60930</c:v>
                </c:pt>
                <c:pt idx="6094">
                  <c:v>60940</c:v>
                </c:pt>
                <c:pt idx="6095">
                  <c:v>60950</c:v>
                </c:pt>
                <c:pt idx="6096">
                  <c:v>60960</c:v>
                </c:pt>
                <c:pt idx="6097">
                  <c:v>60970</c:v>
                </c:pt>
                <c:pt idx="6098">
                  <c:v>60980</c:v>
                </c:pt>
                <c:pt idx="6099">
                  <c:v>60990</c:v>
                </c:pt>
                <c:pt idx="6100">
                  <c:v>61000</c:v>
                </c:pt>
                <c:pt idx="6101">
                  <c:v>61010</c:v>
                </c:pt>
                <c:pt idx="6102">
                  <c:v>61020</c:v>
                </c:pt>
                <c:pt idx="6103">
                  <c:v>61030</c:v>
                </c:pt>
                <c:pt idx="6104">
                  <c:v>61040</c:v>
                </c:pt>
                <c:pt idx="6105">
                  <c:v>61050</c:v>
                </c:pt>
                <c:pt idx="6106">
                  <c:v>61060</c:v>
                </c:pt>
                <c:pt idx="6107">
                  <c:v>61070</c:v>
                </c:pt>
                <c:pt idx="6108">
                  <c:v>61080</c:v>
                </c:pt>
                <c:pt idx="6109">
                  <c:v>61090</c:v>
                </c:pt>
                <c:pt idx="6110">
                  <c:v>61100</c:v>
                </c:pt>
                <c:pt idx="6111">
                  <c:v>61110</c:v>
                </c:pt>
                <c:pt idx="6112">
                  <c:v>61120</c:v>
                </c:pt>
                <c:pt idx="6113">
                  <c:v>61130</c:v>
                </c:pt>
                <c:pt idx="6114">
                  <c:v>61140</c:v>
                </c:pt>
                <c:pt idx="6115">
                  <c:v>61150</c:v>
                </c:pt>
                <c:pt idx="6116">
                  <c:v>61160</c:v>
                </c:pt>
                <c:pt idx="6117">
                  <c:v>61170</c:v>
                </c:pt>
                <c:pt idx="6118">
                  <c:v>61180</c:v>
                </c:pt>
                <c:pt idx="6119">
                  <c:v>61190</c:v>
                </c:pt>
                <c:pt idx="6120">
                  <c:v>61200</c:v>
                </c:pt>
                <c:pt idx="6121">
                  <c:v>61210</c:v>
                </c:pt>
                <c:pt idx="6122">
                  <c:v>61220</c:v>
                </c:pt>
                <c:pt idx="6123">
                  <c:v>61230</c:v>
                </c:pt>
                <c:pt idx="6124">
                  <c:v>61240</c:v>
                </c:pt>
                <c:pt idx="6125">
                  <c:v>61250</c:v>
                </c:pt>
                <c:pt idx="6126">
                  <c:v>61260</c:v>
                </c:pt>
                <c:pt idx="6127">
                  <c:v>61270</c:v>
                </c:pt>
                <c:pt idx="6128">
                  <c:v>61280</c:v>
                </c:pt>
                <c:pt idx="6129">
                  <c:v>61290</c:v>
                </c:pt>
                <c:pt idx="6130">
                  <c:v>61300</c:v>
                </c:pt>
                <c:pt idx="6131">
                  <c:v>61310</c:v>
                </c:pt>
                <c:pt idx="6132">
                  <c:v>61320</c:v>
                </c:pt>
                <c:pt idx="6133">
                  <c:v>61330</c:v>
                </c:pt>
                <c:pt idx="6134">
                  <c:v>61340</c:v>
                </c:pt>
                <c:pt idx="6135">
                  <c:v>61350</c:v>
                </c:pt>
                <c:pt idx="6136">
                  <c:v>61360</c:v>
                </c:pt>
                <c:pt idx="6137">
                  <c:v>61370</c:v>
                </c:pt>
                <c:pt idx="6138">
                  <c:v>61380</c:v>
                </c:pt>
                <c:pt idx="6139">
                  <c:v>61390</c:v>
                </c:pt>
                <c:pt idx="6140">
                  <c:v>61400</c:v>
                </c:pt>
                <c:pt idx="6141">
                  <c:v>61410</c:v>
                </c:pt>
                <c:pt idx="6142">
                  <c:v>61420</c:v>
                </c:pt>
                <c:pt idx="6143">
                  <c:v>61430</c:v>
                </c:pt>
                <c:pt idx="6144">
                  <c:v>61440</c:v>
                </c:pt>
                <c:pt idx="6145">
                  <c:v>61450</c:v>
                </c:pt>
                <c:pt idx="6146">
                  <c:v>61460</c:v>
                </c:pt>
                <c:pt idx="6147">
                  <c:v>61470</c:v>
                </c:pt>
                <c:pt idx="6148">
                  <c:v>61480</c:v>
                </c:pt>
                <c:pt idx="6149">
                  <c:v>61490</c:v>
                </c:pt>
                <c:pt idx="6150">
                  <c:v>61500</c:v>
                </c:pt>
                <c:pt idx="6151">
                  <c:v>61510</c:v>
                </c:pt>
                <c:pt idx="6152">
                  <c:v>61520</c:v>
                </c:pt>
                <c:pt idx="6153">
                  <c:v>61530</c:v>
                </c:pt>
                <c:pt idx="6154">
                  <c:v>61540</c:v>
                </c:pt>
                <c:pt idx="6155">
                  <c:v>61550</c:v>
                </c:pt>
                <c:pt idx="6156">
                  <c:v>61560</c:v>
                </c:pt>
                <c:pt idx="6157">
                  <c:v>61570</c:v>
                </c:pt>
                <c:pt idx="6158">
                  <c:v>61580</c:v>
                </c:pt>
                <c:pt idx="6159">
                  <c:v>61590</c:v>
                </c:pt>
                <c:pt idx="6160">
                  <c:v>61600</c:v>
                </c:pt>
                <c:pt idx="6161">
                  <c:v>61610</c:v>
                </c:pt>
                <c:pt idx="6162">
                  <c:v>61620</c:v>
                </c:pt>
                <c:pt idx="6163">
                  <c:v>61630</c:v>
                </c:pt>
                <c:pt idx="6164">
                  <c:v>61640</c:v>
                </c:pt>
                <c:pt idx="6165">
                  <c:v>61650</c:v>
                </c:pt>
                <c:pt idx="6166">
                  <c:v>61660</c:v>
                </c:pt>
                <c:pt idx="6167">
                  <c:v>61670</c:v>
                </c:pt>
                <c:pt idx="6168">
                  <c:v>61680</c:v>
                </c:pt>
                <c:pt idx="6169">
                  <c:v>61690</c:v>
                </c:pt>
                <c:pt idx="6170">
                  <c:v>61700</c:v>
                </c:pt>
                <c:pt idx="6171">
                  <c:v>61710</c:v>
                </c:pt>
                <c:pt idx="6172">
                  <c:v>61720</c:v>
                </c:pt>
                <c:pt idx="6173">
                  <c:v>61730</c:v>
                </c:pt>
                <c:pt idx="6174">
                  <c:v>61740</c:v>
                </c:pt>
                <c:pt idx="6175">
                  <c:v>61750</c:v>
                </c:pt>
                <c:pt idx="6176">
                  <c:v>61760</c:v>
                </c:pt>
                <c:pt idx="6177">
                  <c:v>61770</c:v>
                </c:pt>
                <c:pt idx="6178">
                  <c:v>61780</c:v>
                </c:pt>
                <c:pt idx="6179">
                  <c:v>61790</c:v>
                </c:pt>
                <c:pt idx="6180">
                  <c:v>61800</c:v>
                </c:pt>
                <c:pt idx="6181">
                  <c:v>61810</c:v>
                </c:pt>
                <c:pt idx="6182">
                  <c:v>61820</c:v>
                </c:pt>
                <c:pt idx="6183">
                  <c:v>61830</c:v>
                </c:pt>
                <c:pt idx="6184">
                  <c:v>61840</c:v>
                </c:pt>
                <c:pt idx="6185">
                  <c:v>61850</c:v>
                </c:pt>
                <c:pt idx="6186">
                  <c:v>61860</c:v>
                </c:pt>
                <c:pt idx="6187">
                  <c:v>61870</c:v>
                </c:pt>
                <c:pt idx="6188">
                  <c:v>61880</c:v>
                </c:pt>
                <c:pt idx="6189">
                  <c:v>61890</c:v>
                </c:pt>
                <c:pt idx="6190">
                  <c:v>61900</c:v>
                </c:pt>
                <c:pt idx="6191">
                  <c:v>61910</c:v>
                </c:pt>
                <c:pt idx="6192">
                  <c:v>61920</c:v>
                </c:pt>
                <c:pt idx="6193">
                  <c:v>61930</c:v>
                </c:pt>
                <c:pt idx="6194">
                  <c:v>61940</c:v>
                </c:pt>
                <c:pt idx="6195">
                  <c:v>61950</c:v>
                </c:pt>
                <c:pt idx="6196">
                  <c:v>61960</c:v>
                </c:pt>
                <c:pt idx="6197">
                  <c:v>61970</c:v>
                </c:pt>
                <c:pt idx="6198">
                  <c:v>61980</c:v>
                </c:pt>
                <c:pt idx="6199">
                  <c:v>61990</c:v>
                </c:pt>
                <c:pt idx="6200">
                  <c:v>62000</c:v>
                </c:pt>
                <c:pt idx="6201">
                  <c:v>62010</c:v>
                </c:pt>
                <c:pt idx="6202">
                  <c:v>62020</c:v>
                </c:pt>
                <c:pt idx="6203">
                  <c:v>62030</c:v>
                </c:pt>
                <c:pt idx="6204">
                  <c:v>62040</c:v>
                </c:pt>
                <c:pt idx="6205">
                  <c:v>62050</c:v>
                </c:pt>
                <c:pt idx="6206">
                  <c:v>62060</c:v>
                </c:pt>
                <c:pt idx="6207">
                  <c:v>62070</c:v>
                </c:pt>
                <c:pt idx="6208">
                  <c:v>62080</c:v>
                </c:pt>
                <c:pt idx="6209">
                  <c:v>62090</c:v>
                </c:pt>
                <c:pt idx="6210">
                  <c:v>62100</c:v>
                </c:pt>
                <c:pt idx="6211">
                  <c:v>62110</c:v>
                </c:pt>
                <c:pt idx="6212">
                  <c:v>62120</c:v>
                </c:pt>
                <c:pt idx="6213">
                  <c:v>62130</c:v>
                </c:pt>
                <c:pt idx="6214">
                  <c:v>62140</c:v>
                </c:pt>
                <c:pt idx="6215">
                  <c:v>62150</c:v>
                </c:pt>
                <c:pt idx="6216">
                  <c:v>62160</c:v>
                </c:pt>
                <c:pt idx="6217">
                  <c:v>62170</c:v>
                </c:pt>
                <c:pt idx="6218">
                  <c:v>62180</c:v>
                </c:pt>
                <c:pt idx="6219">
                  <c:v>62190</c:v>
                </c:pt>
                <c:pt idx="6220">
                  <c:v>62200</c:v>
                </c:pt>
                <c:pt idx="6221">
                  <c:v>62210</c:v>
                </c:pt>
                <c:pt idx="6222">
                  <c:v>62220</c:v>
                </c:pt>
                <c:pt idx="6223">
                  <c:v>62230</c:v>
                </c:pt>
                <c:pt idx="6224">
                  <c:v>62240</c:v>
                </c:pt>
                <c:pt idx="6225">
                  <c:v>62250</c:v>
                </c:pt>
                <c:pt idx="6226">
                  <c:v>62260</c:v>
                </c:pt>
                <c:pt idx="6227">
                  <c:v>62270</c:v>
                </c:pt>
                <c:pt idx="6228">
                  <c:v>62280</c:v>
                </c:pt>
                <c:pt idx="6229">
                  <c:v>62290</c:v>
                </c:pt>
                <c:pt idx="6230">
                  <c:v>62300</c:v>
                </c:pt>
                <c:pt idx="6231">
                  <c:v>62310</c:v>
                </c:pt>
                <c:pt idx="6232">
                  <c:v>62320</c:v>
                </c:pt>
                <c:pt idx="6233">
                  <c:v>62330</c:v>
                </c:pt>
                <c:pt idx="6234">
                  <c:v>62340</c:v>
                </c:pt>
                <c:pt idx="6235">
                  <c:v>62350</c:v>
                </c:pt>
                <c:pt idx="6236">
                  <c:v>62360</c:v>
                </c:pt>
                <c:pt idx="6237">
                  <c:v>62370</c:v>
                </c:pt>
                <c:pt idx="6238">
                  <c:v>62380</c:v>
                </c:pt>
                <c:pt idx="6239">
                  <c:v>62390</c:v>
                </c:pt>
                <c:pt idx="6240">
                  <c:v>62400</c:v>
                </c:pt>
                <c:pt idx="6241">
                  <c:v>62410</c:v>
                </c:pt>
                <c:pt idx="6242">
                  <c:v>62420</c:v>
                </c:pt>
                <c:pt idx="6243">
                  <c:v>62430</c:v>
                </c:pt>
                <c:pt idx="6244">
                  <c:v>62440</c:v>
                </c:pt>
                <c:pt idx="6245">
                  <c:v>62450</c:v>
                </c:pt>
                <c:pt idx="6246">
                  <c:v>62460</c:v>
                </c:pt>
                <c:pt idx="6247">
                  <c:v>62470</c:v>
                </c:pt>
                <c:pt idx="6248">
                  <c:v>62480</c:v>
                </c:pt>
                <c:pt idx="6249">
                  <c:v>62490</c:v>
                </c:pt>
                <c:pt idx="6250">
                  <c:v>62500</c:v>
                </c:pt>
                <c:pt idx="6251">
                  <c:v>62510</c:v>
                </c:pt>
                <c:pt idx="6252">
                  <c:v>62520</c:v>
                </c:pt>
                <c:pt idx="6253">
                  <c:v>62530</c:v>
                </c:pt>
                <c:pt idx="6254">
                  <c:v>62540</c:v>
                </c:pt>
                <c:pt idx="6255">
                  <c:v>62550</c:v>
                </c:pt>
                <c:pt idx="6256">
                  <c:v>62560</c:v>
                </c:pt>
                <c:pt idx="6257">
                  <c:v>62570</c:v>
                </c:pt>
                <c:pt idx="6258">
                  <c:v>62580</c:v>
                </c:pt>
                <c:pt idx="6259">
                  <c:v>62590</c:v>
                </c:pt>
                <c:pt idx="6260">
                  <c:v>62600</c:v>
                </c:pt>
                <c:pt idx="6261">
                  <c:v>62610</c:v>
                </c:pt>
                <c:pt idx="6262">
                  <c:v>62620</c:v>
                </c:pt>
                <c:pt idx="6263">
                  <c:v>62630</c:v>
                </c:pt>
                <c:pt idx="6264">
                  <c:v>62640</c:v>
                </c:pt>
                <c:pt idx="6265">
                  <c:v>62650</c:v>
                </c:pt>
                <c:pt idx="6266">
                  <c:v>62660</c:v>
                </c:pt>
                <c:pt idx="6267">
                  <c:v>62670</c:v>
                </c:pt>
                <c:pt idx="6268">
                  <c:v>62680</c:v>
                </c:pt>
                <c:pt idx="6269">
                  <c:v>62690</c:v>
                </c:pt>
                <c:pt idx="6270">
                  <c:v>62700</c:v>
                </c:pt>
                <c:pt idx="6271">
                  <c:v>62710</c:v>
                </c:pt>
                <c:pt idx="6272">
                  <c:v>62720</c:v>
                </c:pt>
                <c:pt idx="6273">
                  <c:v>62730</c:v>
                </c:pt>
                <c:pt idx="6274">
                  <c:v>62740</c:v>
                </c:pt>
                <c:pt idx="6275">
                  <c:v>62750</c:v>
                </c:pt>
                <c:pt idx="6276">
                  <c:v>62760</c:v>
                </c:pt>
                <c:pt idx="6277">
                  <c:v>62770</c:v>
                </c:pt>
                <c:pt idx="6278">
                  <c:v>62780</c:v>
                </c:pt>
                <c:pt idx="6279">
                  <c:v>62790</c:v>
                </c:pt>
                <c:pt idx="6280">
                  <c:v>62800</c:v>
                </c:pt>
                <c:pt idx="6281">
                  <c:v>62810</c:v>
                </c:pt>
                <c:pt idx="6282">
                  <c:v>62820</c:v>
                </c:pt>
                <c:pt idx="6283">
                  <c:v>62830</c:v>
                </c:pt>
                <c:pt idx="6284">
                  <c:v>62840</c:v>
                </c:pt>
                <c:pt idx="6285">
                  <c:v>62850</c:v>
                </c:pt>
                <c:pt idx="6286">
                  <c:v>62860</c:v>
                </c:pt>
                <c:pt idx="6287">
                  <c:v>62870</c:v>
                </c:pt>
                <c:pt idx="6288">
                  <c:v>62880</c:v>
                </c:pt>
                <c:pt idx="6289">
                  <c:v>62890</c:v>
                </c:pt>
                <c:pt idx="6290">
                  <c:v>62900</c:v>
                </c:pt>
                <c:pt idx="6291">
                  <c:v>62910</c:v>
                </c:pt>
                <c:pt idx="6292">
                  <c:v>62920</c:v>
                </c:pt>
                <c:pt idx="6293">
                  <c:v>62930</c:v>
                </c:pt>
                <c:pt idx="6294">
                  <c:v>62940</c:v>
                </c:pt>
                <c:pt idx="6295">
                  <c:v>62950</c:v>
                </c:pt>
                <c:pt idx="6296">
                  <c:v>62960</c:v>
                </c:pt>
                <c:pt idx="6297">
                  <c:v>62970</c:v>
                </c:pt>
                <c:pt idx="6298">
                  <c:v>62980</c:v>
                </c:pt>
                <c:pt idx="6299">
                  <c:v>62990</c:v>
                </c:pt>
                <c:pt idx="6300">
                  <c:v>63000</c:v>
                </c:pt>
                <c:pt idx="6301">
                  <c:v>63010</c:v>
                </c:pt>
                <c:pt idx="6302">
                  <c:v>63020</c:v>
                </c:pt>
                <c:pt idx="6303">
                  <c:v>63030</c:v>
                </c:pt>
                <c:pt idx="6304">
                  <c:v>63040</c:v>
                </c:pt>
                <c:pt idx="6305">
                  <c:v>63050</c:v>
                </c:pt>
                <c:pt idx="6306">
                  <c:v>63060</c:v>
                </c:pt>
                <c:pt idx="6307">
                  <c:v>63070</c:v>
                </c:pt>
                <c:pt idx="6308">
                  <c:v>63080</c:v>
                </c:pt>
                <c:pt idx="6309">
                  <c:v>63090</c:v>
                </c:pt>
                <c:pt idx="6310">
                  <c:v>63100</c:v>
                </c:pt>
                <c:pt idx="6311">
                  <c:v>63110</c:v>
                </c:pt>
                <c:pt idx="6312">
                  <c:v>63120</c:v>
                </c:pt>
                <c:pt idx="6313">
                  <c:v>63130</c:v>
                </c:pt>
                <c:pt idx="6314">
                  <c:v>63140</c:v>
                </c:pt>
                <c:pt idx="6315">
                  <c:v>63150</c:v>
                </c:pt>
                <c:pt idx="6316">
                  <c:v>63160</c:v>
                </c:pt>
                <c:pt idx="6317">
                  <c:v>63170</c:v>
                </c:pt>
                <c:pt idx="6318">
                  <c:v>63180</c:v>
                </c:pt>
                <c:pt idx="6319">
                  <c:v>63190</c:v>
                </c:pt>
                <c:pt idx="6320">
                  <c:v>63200</c:v>
                </c:pt>
                <c:pt idx="6321">
                  <c:v>63210</c:v>
                </c:pt>
                <c:pt idx="6322">
                  <c:v>63220</c:v>
                </c:pt>
                <c:pt idx="6323">
                  <c:v>63230</c:v>
                </c:pt>
                <c:pt idx="6324">
                  <c:v>63240</c:v>
                </c:pt>
                <c:pt idx="6325">
                  <c:v>63250</c:v>
                </c:pt>
                <c:pt idx="6326">
                  <c:v>63260</c:v>
                </c:pt>
                <c:pt idx="6327">
                  <c:v>63270</c:v>
                </c:pt>
                <c:pt idx="6328">
                  <c:v>63280</c:v>
                </c:pt>
                <c:pt idx="6329">
                  <c:v>63290</c:v>
                </c:pt>
                <c:pt idx="6330">
                  <c:v>63300</c:v>
                </c:pt>
                <c:pt idx="6331">
                  <c:v>63310</c:v>
                </c:pt>
                <c:pt idx="6332">
                  <c:v>63320</c:v>
                </c:pt>
                <c:pt idx="6333">
                  <c:v>63330</c:v>
                </c:pt>
                <c:pt idx="6334">
                  <c:v>63340</c:v>
                </c:pt>
                <c:pt idx="6335">
                  <c:v>63350</c:v>
                </c:pt>
                <c:pt idx="6336">
                  <c:v>63360</c:v>
                </c:pt>
                <c:pt idx="6337">
                  <c:v>63370</c:v>
                </c:pt>
                <c:pt idx="6338">
                  <c:v>63380</c:v>
                </c:pt>
                <c:pt idx="6339">
                  <c:v>63390</c:v>
                </c:pt>
                <c:pt idx="6340">
                  <c:v>63400</c:v>
                </c:pt>
                <c:pt idx="6341">
                  <c:v>63410</c:v>
                </c:pt>
                <c:pt idx="6342">
                  <c:v>63420</c:v>
                </c:pt>
                <c:pt idx="6343">
                  <c:v>63430</c:v>
                </c:pt>
                <c:pt idx="6344">
                  <c:v>63440</c:v>
                </c:pt>
                <c:pt idx="6345">
                  <c:v>63450</c:v>
                </c:pt>
                <c:pt idx="6346">
                  <c:v>63460</c:v>
                </c:pt>
                <c:pt idx="6347">
                  <c:v>63470</c:v>
                </c:pt>
                <c:pt idx="6348">
                  <c:v>63480</c:v>
                </c:pt>
                <c:pt idx="6349">
                  <c:v>63490</c:v>
                </c:pt>
                <c:pt idx="6350">
                  <c:v>63500</c:v>
                </c:pt>
                <c:pt idx="6351">
                  <c:v>63510</c:v>
                </c:pt>
                <c:pt idx="6352">
                  <c:v>63520</c:v>
                </c:pt>
                <c:pt idx="6353">
                  <c:v>63530</c:v>
                </c:pt>
                <c:pt idx="6354">
                  <c:v>63540</c:v>
                </c:pt>
                <c:pt idx="6355">
                  <c:v>63550</c:v>
                </c:pt>
                <c:pt idx="6356">
                  <c:v>63560</c:v>
                </c:pt>
                <c:pt idx="6357">
                  <c:v>63570</c:v>
                </c:pt>
                <c:pt idx="6358">
                  <c:v>63580</c:v>
                </c:pt>
                <c:pt idx="6359">
                  <c:v>63590</c:v>
                </c:pt>
                <c:pt idx="6360">
                  <c:v>63600</c:v>
                </c:pt>
                <c:pt idx="6361">
                  <c:v>63610</c:v>
                </c:pt>
                <c:pt idx="6362">
                  <c:v>63620</c:v>
                </c:pt>
                <c:pt idx="6363">
                  <c:v>63630</c:v>
                </c:pt>
                <c:pt idx="6364">
                  <c:v>63640</c:v>
                </c:pt>
                <c:pt idx="6365">
                  <c:v>63650</c:v>
                </c:pt>
                <c:pt idx="6366">
                  <c:v>63660</c:v>
                </c:pt>
                <c:pt idx="6367">
                  <c:v>63670</c:v>
                </c:pt>
                <c:pt idx="6368">
                  <c:v>63680</c:v>
                </c:pt>
                <c:pt idx="6369">
                  <c:v>63690</c:v>
                </c:pt>
                <c:pt idx="6370">
                  <c:v>63700</c:v>
                </c:pt>
                <c:pt idx="6371">
                  <c:v>63710</c:v>
                </c:pt>
                <c:pt idx="6372">
                  <c:v>63720</c:v>
                </c:pt>
                <c:pt idx="6373">
                  <c:v>63730</c:v>
                </c:pt>
                <c:pt idx="6374">
                  <c:v>63740</c:v>
                </c:pt>
                <c:pt idx="6375">
                  <c:v>63750</c:v>
                </c:pt>
                <c:pt idx="6376">
                  <c:v>63760</c:v>
                </c:pt>
                <c:pt idx="6377">
                  <c:v>63770</c:v>
                </c:pt>
                <c:pt idx="6378">
                  <c:v>63780</c:v>
                </c:pt>
                <c:pt idx="6379">
                  <c:v>63790</c:v>
                </c:pt>
                <c:pt idx="6380">
                  <c:v>63800</c:v>
                </c:pt>
                <c:pt idx="6381">
                  <c:v>63810</c:v>
                </c:pt>
                <c:pt idx="6382">
                  <c:v>63820</c:v>
                </c:pt>
                <c:pt idx="6383">
                  <c:v>63830</c:v>
                </c:pt>
                <c:pt idx="6384">
                  <c:v>63840</c:v>
                </c:pt>
                <c:pt idx="6385">
                  <c:v>63850</c:v>
                </c:pt>
                <c:pt idx="6386">
                  <c:v>63860</c:v>
                </c:pt>
                <c:pt idx="6387">
                  <c:v>63870</c:v>
                </c:pt>
                <c:pt idx="6388">
                  <c:v>63880</c:v>
                </c:pt>
                <c:pt idx="6389">
                  <c:v>63890</c:v>
                </c:pt>
                <c:pt idx="6390">
                  <c:v>63900</c:v>
                </c:pt>
                <c:pt idx="6391">
                  <c:v>63910</c:v>
                </c:pt>
                <c:pt idx="6392">
                  <c:v>63920</c:v>
                </c:pt>
                <c:pt idx="6393">
                  <c:v>63930</c:v>
                </c:pt>
                <c:pt idx="6394">
                  <c:v>63940</c:v>
                </c:pt>
                <c:pt idx="6395">
                  <c:v>63950</c:v>
                </c:pt>
                <c:pt idx="6396">
                  <c:v>63960</c:v>
                </c:pt>
                <c:pt idx="6397">
                  <c:v>63970</c:v>
                </c:pt>
                <c:pt idx="6398">
                  <c:v>63980</c:v>
                </c:pt>
                <c:pt idx="6399">
                  <c:v>63990</c:v>
                </c:pt>
                <c:pt idx="6400">
                  <c:v>64000</c:v>
                </c:pt>
                <c:pt idx="6401">
                  <c:v>64010</c:v>
                </c:pt>
                <c:pt idx="6402">
                  <c:v>64020</c:v>
                </c:pt>
                <c:pt idx="6403">
                  <c:v>64030</c:v>
                </c:pt>
                <c:pt idx="6404">
                  <c:v>64040</c:v>
                </c:pt>
                <c:pt idx="6405">
                  <c:v>64050</c:v>
                </c:pt>
                <c:pt idx="6406">
                  <c:v>64060</c:v>
                </c:pt>
                <c:pt idx="6407">
                  <c:v>64070</c:v>
                </c:pt>
                <c:pt idx="6408">
                  <c:v>64080</c:v>
                </c:pt>
                <c:pt idx="6409">
                  <c:v>64090</c:v>
                </c:pt>
                <c:pt idx="6410">
                  <c:v>64100</c:v>
                </c:pt>
                <c:pt idx="6411">
                  <c:v>64110</c:v>
                </c:pt>
                <c:pt idx="6412">
                  <c:v>64120</c:v>
                </c:pt>
                <c:pt idx="6413">
                  <c:v>64130</c:v>
                </c:pt>
                <c:pt idx="6414">
                  <c:v>64140</c:v>
                </c:pt>
                <c:pt idx="6415">
                  <c:v>64150</c:v>
                </c:pt>
                <c:pt idx="6416">
                  <c:v>64160</c:v>
                </c:pt>
                <c:pt idx="6417">
                  <c:v>64170</c:v>
                </c:pt>
                <c:pt idx="6418">
                  <c:v>64180</c:v>
                </c:pt>
                <c:pt idx="6419">
                  <c:v>64190</c:v>
                </c:pt>
                <c:pt idx="6420">
                  <c:v>64200</c:v>
                </c:pt>
                <c:pt idx="6421">
                  <c:v>64210</c:v>
                </c:pt>
                <c:pt idx="6422">
                  <c:v>64220</c:v>
                </c:pt>
                <c:pt idx="6423">
                  <c:v>64230</c:v>
                </c:pt>
                <c:pt idx="6424">
                  <c:v>64240</c:v>
                </c:pt>
                <c:pt idx="6425">
                  <c:v>64250</c:v>
                </c:pt>
                <c:pt idx="6426">
                  <c:v>64260</c:v>
                </c:pt>
                <c:pt idx="6427">
                  <c:v>64270</c:v>
                </c:pt>
                <c:pt idx="6428">
                  <c:v>64280</c:v>
                </c:pt>
                <c:pt idx="6429">
                  <c:v>64290</c:v>
                </c:pt>
                <c:pt idx="6430">
                  <c:v>64300</c:v>
                </c:pt>
                <c:pt idx="6431">
                  <c:v>64310</c:v>
                </c:pt>
                <c:pt idx="6432">
                  <c:v>64320</c:v>
                </c:pt>
                <c:pt idx="6433">
                  <c:v>64330</c:v>
                </c:pt>
                <c:pt idx="6434">
                  <c:v>64340</c:v>
                </c:pt>
                <c:pt idx="6435">
                  <c:v>64350</c:v>
                </c:pt>
                <c:pt idx="6436">
                  <c:v>64360</c:v>
                </c:pt>
                <c:pt idx="6437">
                  <c:v>64370</c:v>
                </c:pt>
                <c:pt idx="6438">
                  <c:v>64380</c:v>
                </c:pt>
                <c:pt idx="6439">
                  <c:v>64390</c:v>
                </c:pt>
                <c:pt idx="6440">
                  <c:v>64400</c:v>
                </c:pt>
                <c:pt idx="6441">
                  <c:v>64410</c:v>
                </c:pt>
                <c:pt idx="6442">
                  <c:v>64420</c:v>
                </c:pt>
                <c:pt idx="6443">
                  <c:v>64430</c:v>
                </c:pt>
                <c:pt idx="6444">
                  <c:v>64440</c:v>
                </c:pt>
                <c:pt idx="6445">
                  <c:v>64450</c:v>
                </c:pt>
                <c:pt idx="6446">
                  <c:v>64460</c:v>
                </c:pt>
                <c:pt idx="6447">
                  <c:v>64470</c:v>
                </c:pt>
                <c:pt idx="6448">
                  <c:v>64480</c:v>
                </c:pt>
                <c:pt idx="6449">
                  <c:v>64490</c:v>
                </c:pt>
                <c:pt idx="6450">
                  <c:v>64500</c:v>
                </c:pt>
                <c:pt idx="6451">
                  <c:v>64510</c:v>
                </c:pt>
                <c:pt idx="6452">
                  <c:v>64520</c:v>
                </c:pt>
                <c:pt idx="6453">
                  <c:v>64530</c:v>
                </c:pt>
                <c:pt idx="6454">
                  <c:v>64540</c:v>
                </c:pt>
                <c:pt idx="6455">
                  <c:v>64550</c:v>
                </c:pt>
                <c:pt idx="6456">
                  <c:v>64560</c:v>
                </c:pt>
                <c:pt idx="6457">
                  <c:v>64570</c:v>
                </c:pt>
                <c:pt idx="6458">
                  <c:v>64580</c:v>
                </c:pt>
                <c:pt idx="6459">
                  <c:v>64590</c:v>
                </c:pt>
                <c:pt idx="6460">
                  <c:v>64600</c:v>
                </c:pt>
                <c:pt idx="6461">
                  <c:v>64610</c:v>
                </c:pt>
                <c:pt idx="6462">
                  <c:v>64620</c:v>
                </c:pt>
                <c:pt idx="6463">
                  <c:v>64630</c:v>
                </c:pt>
                <c:pt idx="6464">
                  <c:v>64640</c:v>
                </c:pt>
                <c:pt idx="6465">
                  <c:v>64650</c:v>
                </c:pt>
                <c:pt idx="6466">
                  <c:v>64660</c:v>
                </c:pt>
                <c:pt idx="6467">
                  <c:v>64670</c:v>
                </c:pt>
                <c:pt idx="6468">
                  <c:v>64680</c:v>
                </c:pt>
                <c:pt idx="6469">
                  <c:v>64690</c:v>
                </c:pt>
                <c:pt idx="6470">
                  <c:v>64700</c:v>
                </c:pt>
                <c:pt idx="6471">
                  <c:v>64710</c:v>
                </c:pt>
                <c:pt idx="6472">
                  <c:v>64720</c:v>
                </c:pt>
                <c:pt idx="6473">
                  <c:v>64730</c:v>
                </c:pt>
                <c:pt idx="6474">
                  <c:v>64740</c:v>
                </c:pt>
                <c:pt idx="6475">
                  <c:v>64750</c:v>
                </c:pt>
                <c:pt idx="6476">
                  <c:v>64760</c:v>
                </c:pt>
                <c:pt idx="6477">
                  <c:v>64770</c:v>
                </c:pt>
                <c:pt idx="6478">
                  <c:v>64780</c:v>
                </c:pt>
                <c:pt idx="6479">
                  <c:v>64790</c:v>
                </c:pt>
                <c:pt idx="6480">
                  <c:v>64800</c:v>
                </c:pt>
                <c:pt idx="6481">
                  <c:v>64810</c:v>
                </c:pt>
                <c:pt idx="6482">
                  <c:v>64820</c:v>
                </c:pt>
                <c:pt idx="6483">
                  <c:v>64830</c:v>
                </c:pt>
                <c:pt idx="6484">
                  <c:v>64840</c:v>
                </c:pt>
                <c:pt idx="6485">
                  <c:v>64850</c:v>
                </c:pt>
                <c:pt idx="6486">
                  <c:v>64860</c:v>
                </c:pt>
                <c:pt idx="6487">
                  <c:v>64870</c:v>
                </c:pt>
                <c:pt idx="6488">
                  <c:v>64880</c:v>
                </c:pt>
                <c:pt idx="6489">
                  <c:v>64890</c:v>
                </c:pt>
                <c:pt idx="6490">
                  <c:v>64900</c:v>
                </c:pt>
                <c:pt idx="6491">
                  <c:v>64910</c:v>
                </c:pt>
                <c:pt idx="6492">
                  <c:v>64920</c:v>
                </c:pt>
                <c:pt idx="6493">
                  <c:v>64930</c:v>
                </c:pt>
                <c:pt idx="6494">
                  <c:v>64940</c:v>
                </c:pt>
                <c:pt idx="6495">
                  <c:v>64950</c:v>
                </c:pt>
                <c:pt idx="6496">
                  <c:v>64960</c:v>
                </c:pt>
                <c:pt idx="6497">
                  <c:v>64970</c:v>
                </c:pt>
                <c:pt idx="6498">
                  <c:v>64980</c:v>
                </c:pt>
                <c:pt idx="6499">
                  <c:v>64990</c:v>
                </c:pt>
                <c:pt idx="6500">
                  <c:v>65000</c:v>
                </c:pt>
                <c:pt idx="6501">
                  <c:v>65010</c:v>
                </c:pt>
                <c:pt idx="6502">
                  <c:v>65020</c:v>
                </c:pt>
                <c:pt idx="6503">
                  <c:v>65030</c:v>
                </c:pt>
                <c:pt idx="6504">
                  <c:v>65040</c:v>
                </c:pt>
                <c:pt idx="6505">
                  <c:v>65050</c:v>
                </c:pt>
                <c:pt idx="6506">
                  <c:v>65060</c:v>
                </c:pt>
                <c:pt idx="6507">
                  <c:v>65070</c:v>
                </c:pt>
                <c:pt idx="6508">
                  <c:v>65080</c:v>
                </c:pt>
                <c:pt idx="6509">
                  <c:v>65090</c:v>
                </c:pt>
                <c:pt idx="6510">
                  <c:v>65100</c:v>
                </c:pt>
                <c:pt idx="6511">
                  <c:v>65110</c:v>
                </c:pt>
                <c:pt idx="6512">
                  <c:v>65120</c:v>
                </c:pt>
                <c:pt idx="6513">
                  <c:v>65130</c:v>
                </c:pt>
                <c:pt idx="6514">
                  <c:v>65140</c:v>
                </c:pt>
                <c:pt idx="6515">
                  <c:v>65150</c:v>
                </c:pt>
                <c:pt idx="6516">
                  <c:v>65160</c:v>
                </c:pt>
                <c:pt idx="6517">
                  <c:v>65170</c:v>
                </c:pt>
                <c:pt idx="6518">
                  <c:v>65180</c:v>
                </c:pt>
                <c:pt idx="6519">
                  <c:v>65190</c:v>
                </c:pt>
                <c:pt idx="6520">
                  <c:v>65200</c:v>
                </c:pt>
                <c:pt idx="6521">
                  <c:v>65210</c:v>
                </c:pt>
                <c:pt idx="6522">
                  <c:v>65220</c:v>
                </c:pt>
                <c:pt idx="6523">
                  <c:v>65230</c:v>
                </c:pt>
                <c:pt idx="6524">
                  <c:v>65240</c:v>
                </c:pt>
                <c:pt idx="6525">
                  <c:v>65250</c:v>
                </c:pt>
                <c:pt idx="6526">
                  <c:v>65260</c:v>
                </c:pt>
                <c:pt idx="6527">
                  <c:v>65270</c:v>
                </c:pt>
                <c:pt idx="6528">
                  <c:v>65280</c:v>
                </c:pt>
                <c:pt idx="6529">
                  <c:v>65290</c:v>
                </c:pt>
                <c:pt idx="6530">
                  <c:v>65300</c:v>
                </c:pt>
                <c:pt idx="6531">
                  <c:v>65310</c:v>
                </c:pt>
                <c:pt idx="6532">
                  <c:v>65320</c:v>
                </c:pt>
                <c:pt idx="6533">
                  <c:v>65330</c:v>
                </c:pt>
                <c:pt idx="6534">
                  <c:v>65340</c:v>
                </c:pt>
                <c:pt idx="6535">
                  <c:v>65350</c:v>
                </c:pt>
                <c:pt idx="6536">
                  <c:v>65360</c:v>
                </c:pt>
                <c:pt idx="6537">
                  <c:v>65370</c:v>
                </c:pt>
                <c:pt idx="6538">
                  <c:v>65380</c:v>
                </c:pt>
                <c:pt idx="6539">
                  <c:v>65390</c:v>
                </c:pt>
                <c:pt idx="6540">
                  <c:v>65400</c:v>
                </c:pt>
                <c:pt idx="6541">
                  <c:v>65410</c:v>
                </c:pt>
                <c:pt idx="6542">
                  <c:v>65420</c:v>
                </c:pt>
                <c:pt idx="6543">
                  <c:v>65430</c:v>
                </c:pt>
                <c:pt idx="6544">
                  <c:v>65440</c:v>
                </c:pt>
                <c:pt idx="6545">
                  <c:v>65450</c:v>
                </c:pt>
                <c:pt idx="6546">
                  <c:v>65460</c:v>
                </c:pt>
                <c:pt idx="6547">
                  <c:v>65470</c:v>
                </c:pt>
                <c:pt idx="6548">
                  <c:v>65480</c:v>
                </c:pt>
                <c:pt idx="6549">
                  <c:v>65490</c:v>
                </c:pt>
                <c:pt idx="6550">
                  <c:v>65500</c:v>
                </c:pt>
                <c:pt idx="6551">
                  <c:v>65510</c:v>
                </c:pt>
                <c:pt idx="6552">
                  <c:v>65520</c:v>
                </c:pt>
                <c:pt idx="6553">
                  <c:v>65530</c:v>
                </c:pt>
                <c:pt idx="6554">
                  <c:v>65540</c:v>
                </c:pt>
                <c:pt idx="6555">
                  <c:v>65550</c:v>
                </c:pt>
                <c:pt idx="6556">
                  <c:v>65560</c:v>
                </c:pt>
                <c:pt idx="6557">
                  <c:v>65570</c:v>
                </c:pt>
                <c:pt idx="6558">
                  <c:v>65580</c:v>
                </c:pt>
                <c:pt idx="6559">
                  <c:v>65590</c:v>
                </c:pt>
                <c:pt idx="6560">
                  <c:v>65600</c:v>
                </c:pt>
                <c:pt idx="6561">
                  <c:v>65610</c:v>
                </c:pt>
                <c:pt idx="6562">
                  <c:v>65620</c:v>
                </c:pt>
                <c:pt idx="6563">
                  <c:v>65630</c:v>
                </c:pt>
                <c:pt idx="6564">
                  <c:v>65640</c:v>
                </c:pt>
                <c:pt idx="6565">
                  <c:v>65650</c:v>
                </c:pt>
                <c:pt idx="6566">
                  <c:v>65660</c:v>
                </c:pt>
                <c:pt idx="6567">
                  <c:v>65670</c:v>
                </c:pt>
                <c:pt idx="6568">
                  <c:v>65680</c:v>
                </c:pt>
                <c:pt idx="6569">
                  <c:v>65690</c:v>
                </c:pt>
                <c:pt idx="6570">
                  <c:v>65700</c:v>
                </c:pt>
                <c:pt idx="6571">
                  <c:v>65710</c:v>
                </c:pt>
                <c:pt idx="6572">
                  <c:v>65720</c:v>
                </c:pt>
                <c:pt idx="6573">
                  <c:v>65730</c:v>
                </c:pt>
                <c:pt idx="6574">
                  <c:v>65740</c:v>
                </c:pt>
                <c:pt idx="6575">
                  <c:v>65750</c:v>
                </c:pt>
                <c:pt idx="6576">
                  <c:v>65760</c:v>
                </c:pt>
                <c:pt idx="6577">
                  <c:v>65770</c:v>
                </c:pt>
                <c:pt idx="6578">
                  <c:v>65780</c:v>
                </c:pt>
                <c:pt idx="6579">
                  <c:v>65790</c:v>
                </c:pt>
                <c:pt idx="6580">
                  <c:v>65800</c:v>
                </c:pt>
                <c:pt idx="6581">
                  <c:v>65810</c:v>
                </c:pt>
                <c:pt idx="6582">
                  <c:v>65820</c:v>
                </c:pt>
                <c:pt idx="6583">
                  <c:v>65830</c:v>
                </c:pt>
                <c:pt idx="6584">
                  <c:v>65840</c:v>
                </c:pt>
                <c:pt idx="6585">
                  <c:v>65850</c:v>
                </c:pt>
                <c:pt idx="6586">
                  <c:v>65860</c:v>
                </c:pt>
                <c:pt idx="6587">
                  <c:v>65870</c:v>
                </c:pt>
                <c:pt idx="6588">
                  <c:v>65880</c:v>
                </c:pt>
                <c:pt idx="6589">
                  <c:v>65890</c:v>
                </c:pt>
                <c:pt idx="6590">
                  <c:v>65900</c:v>
                </c:pt>
                <c:pt idx="6591">
                  <c:v>65910</c:v>
                </c:pt>
                <c:pt idx="6592">
                  <c:v>65920</c:v>
                </c:pt>
                <c:pt idx="6593">
                  <c:v>65930</c:v>
                </c:pt>
                <c:pt idx="6594">
                  <c:v>65940</c:v>
                </c:pt>
                <c:pt idx="6595">
                  <c:v>65950</c:v>
                </c:pt>
                <c:pt idx="6596">
                  <c:v>65960</c:v>
                </c:pt>
                <c:pt idx="6597">
                  <c:v>65970</c:v>
                </c:pt>
                <c:pt idx="6598">
                  <c:v>65980</c:v>
                </c:pt>
                <c:pt idx="6599">
                  <c:v>65990</c:v>
                </c:pt>
                <c:pt idx="6600">
                  <c:v>66000</c:v>
                </c:pt>
                <c:pt idx="6601">
                  <c:v>66010</c:v>
                </c:pt>
                <c:pt idx="6602">
                  <c:v>66020</c:v>
                </c:pt>
                <c:pt idx="6603">
                  <c:v>66030</c:v>
                </c:pt>
                <c:pt idx="6604">
                  <c:v>66040</c:v>
                </c:pt>
                <c:pt idx="6605">
                  <c:v>66050</c:v>
                </c:pt>
                <c:pt idx="6606">
                  <c:v>66060</c:v>
                </c:pt>
                <c:pt idx="6607">
                  <c:v>66070</c:v>
                </c:pt>
                <c:pt idx="6608">
                  <c:v>66080</c:v>
                </c:pt>
                <c:pt idx="6609">
                  <c:v>66090</c:v>
                </c:pt>
                <c:pt idx="6610">
                  <c:v>66100</c:v>
                </c:pt>
                <c:pt idx="6611">
                  <c:v>66110</c:v>
                </c:pt>
                <c:pt idx="6612">
                  <c:v>66120</c:v>
                </c:pt>
                <c:pt idx="6613">
                  <c:v>66130</c:v>
                </c:pt>
                <c:pt idx="6614">
                  <c:v>66140</c:v>
                </c:pt>
                <c:pt idx="6615">
                  <c:v>66150</c:v>
                </c:pt>
                <c:pt idx="6616">
                  <c:v>66160</c:v>
                </c:pt>
                <c:pt idx="6617">
                  <c:v>66170</c:v>
                </c:pt>
                <c:pt idx="6618">
                  <c:v>66180</c:v>
                </c:pt>
                <c:pt idx="6619">
                  <c:v>66190</c:v>
                </c:pt>
                <c:pt idx="6620">
                  <c:v>66200</c:v>
                </c:pt>
                <c:pt idx="6621">
                  <c:v>66210</c:v>
                </c:pt>
                <c:pt idx="6622">
                  <c:v>66220</c:v>
                </c:pt>
                <c:pt idx="6623">
                  <c:v>66230</c:v>
                </c:pt>
                <c:pt idx="6624">
                  <c:v>66240</c:v>
                </c:pt>
                <c:pt idx="6625">
                  <c:v>66250</c:v>
                </c:pt>
                <c:pt idx="6626">
                  <c:v>66260</c:v>
                </c:pt>
                <c:pt idx="6627">
                  <c:v>66270</c:v>
                </c:pt>
                <c:pt idx="6628">
                  <c:v>66280</c:v>
                </c:pt>
                <c:pt idx="6629">
                  <c:v>66290</c:v>
                </c:pt>
                <c:pt idx="6630">
                  <c:v>66300</c:v>
                </c:pt>
                <c:pt idx="6631">
                  <c:v>66310</c:v>
                </c:pt>
                <c:pt idx="6632">
                  <c:v>66320</c:v>
                </c:pt>
                <c:pt idx="6633">
                  <c:v>66330</c:v>
                </c:pt>
                <c:pt idx="6634">
                  <c:v>66340</c:v>
                </c:pt>
                <c:pt idx="6635">
                  <c:v>66350</c:v>
                </c:pt>
                <c:pt idx="6636">
                  <c:v>66360</c:v>
                </c:pt>
                <c:pt idx="6637">
                  <c:v>66370</c:v>
                </c:pt>
                <c:pt idx="6638">
                  <c:v>66380</c:v>
                </c:pt>
                <c:pt idx="6639">
                  <c:v>66390</c:v>
                </c:pt>
                <c:pt idx="6640">
                  <c:v>66400</c:v>
                </c:pt>
                <c:pt idx="6641">
                  <c:v>66410</c:v>
                </c:pt>
                <c:pt idx="6642">
                  <c:v>66420</c:v>
                </c:pt>
                <c:pt idx="6643">
                  <c:v>66430</c:v>
                </c:pt>
                <c:pt idx="6644">
                  <c:v>66440</c:v>
                </c:pt>
                <c:pt idx="6645">
                  <c:v>66450</c:v>
                </c:pt>
                <c:pt idx="6646">
                  <c:v>66460</c:v>
                </c:pt>
                <c:pt idx="6647">
                  <c:v>66470</c:v>
                </c:pt>
                <c:pt idx="6648">
                  <c:v>66480</c:v>
                </c:pt>
                <c:pt idx="6649">
                  <c:v>66490</c:v>
                </c:pt>
                <c:pt idx="6650">
                  <c:v>66500</c:v>
                </c:pt>
                <c:pt idx="6651">
                  <c:v>66510</c:v>
                </c:pt>
                <c:pt idx="6652">
                  <c:v>66520</c:v>
                </c:pt>
                <c:pt idx="6653">
                  <c:v>66530</c:v>
                </c:pt>
                <c:pt idx="6654">
                  <c:v>66540</c:v>
                </c:pt>
                <c:pt idx="6655">
                  <c:v>66550</c:v>
                </c:pt>
                <c:pt idx="6656">
                  <c:v>66560</c:v>
                </c:pt>
                <c:pt idx="6657">
                  <c:v>66570</c:v>
                </c:pt>
                <c:pt idx="6658">
                  <c:v>66580</c:v>
                </c:pt>
                <c:pt idx="6659">
                  <c:v>66590</c:v>
                </c:pt>
                <c:pt idx="6660">
                  <c:v>66600</c:v>
                </c:pt>
                <c:pt idx="6661">
                  <c:v>66610</c:v>
                </c:pt>
                <c:pt idx="6662">
                  <c:v>66620</c:v>
                </c:pt>
                <c:pt idx="6663">
                  <c:v>66630</c:v>
                </c:pt>
                <c:pt idx="6664">
                  <c:v>66640</c:v>
                </c:pt>
                <c:pt idx="6665">
                  <c:v>66650</c:v>
                </c:pt>
                <c:pt idx="6666">
                  <c:v>66660</c:v>
                </c:pt>
                <c:pt idx="6667">
                  <c:v>66670</c:v>
                </c:pt>
                <c:pt idx="6668">
                  <c:v>66680</c:v>
                </c:pt>
                <c:pt idx="6669">
                  <c:v>66690</c:v>
                </c:pt>
                <c:pt idx="6670">
                  <c:v>66700</c:v>
                </c:pt>
                <c:pt idx="6671">
                  <c:v>66710</c:v>
                </c:pt>
                <c:pt idx="6672">
                  <c:v>66720</c:v>
                </c:pt>
                <c:pt idx="6673">
                  <c:v>66730</c:v>
                </c:pt>
                <c:pt idx="6674">
                  <c:v>66740</c:v>
                </c:pt>
                <c:pt idx="6675">
                  <c:v>66750</c:v>
                </c:pt>
                <c:pt idx="6676">
                  <c:v>66760</c:v>
                </c:pt>
                <c:pt idx="6677">
                  <c:v>66770</c:v>
                </c:pt>
                <c:pt idx="6678">
                  <c:v>66780</c:v>
                </c:pt>
                <c:pt idx="6679">
                  <c:v>66790</c:v>
                </c:pt>
                <c:pt idx="6680">
                  <c:v>66800</c:v>
                </c:pt>
                <c:pt idx="6681">
                  <c:v>66810</c:v>
                </c:pt>
                <c:pt idx="6682">
                  <c:v>66820</c:v>
                </c:pt>
                <c:pt idx="6683">
                  <c:v>66830</c:v>
                </c:pt>
                <c:pt idx="6684">
                  <c:v>66840</c:v>
                </c:pt>
                <c:pt idx="6685">
                  <c:v>66850</c:v>
                </c:pt>
                <c:pt idx="6686">
                  <c:v>66860</c:v>
                </c:pt>
                <c:pt idx="6687">
                  <c:v>66870</c:v>
                </c:pt>
                <c:pt idx="6688">
                  <c:v>66880</c:v>
                </c:pt>
                <c:pt idx="6689">
                  <c:v>66890</c:v>
                </c:pt>
                <c:pt idx="6690">
                  <c:v>66900</c:v>
                </c:pt>
                <c:pt idx="6691">
                  <c:v>66910</c:v>
                </c:pt>
                <c:pt idx="6692">
                  <c:v>66920</c:v>
                </c:pt>
                <c:pt idx="6693">
                  <c:v>66930</c:v>
                </c:pt>
                <c:pt idx="6694">
                  <c:v>66940</c:v>
                </c:pt>
                <c:pt idx="6695">
                  <c:v>66950</c:v>
                </c:pt>
                <c:pt idx="6696">
                  <c:v>66960</c:v>
                </c:pt>
                <c:pt idx="6697">
                  <c:v>66970</c:v>
                </c:pt>
                <c:pt idx="6698">
                  <c:v>66980</c:v>
                </c:pt>
                <c:pt idx="6699">
                  <c:v>66990</c:v>
                </c:pt>
                <c:pt idx="6700">
                  <c:v>67000</c:v>
                </c:pt>
                <c:pt idx="6701">
                  <c:v>67010</c:v>
                </c:pt>
                <c:pt idx="6702">
                  <c:v>67020</c:v>
                </c:pt>
                <c:pt idx="6703">
                  <c:v>67030</c:v>
                </c:pt>
                <c:pt idx="6704">
                  <c:v>67040</c:v>
                </c:pt>
                <c:pt idx="6705">
                  <c:v>67050</c:v>
                </c:pt>
                <c:pt idx="6706">
                  <c:v>67060</c:v>
                </c:pt>
                <c:pt idx="6707">
                  <c:v>67070</c:v>
                </c:pt>
                <c:pt idx="6708">
                  <c:v>67080</c:v>
                </c:pt>
                <c:pt idx="6709">
                  <c:v>67090</c:v>
                </c:pt>
                <c:pt idx="6710">
                  <c:v>67100</c:v>
                </c:pt>
                <c:pt idx="6711">
                  <c:v>67110</c:v>
                </c:pt>
                <c:pt idx="6712">
                  <c:v>67120</c:v>
                </c:pt>
                <c:pt idx="6713">
                  <c:v>67130</c:v>
                </c:pt>
                <c:pt idx="6714">
                  <c:v>67140</c:v>
                </c:pt>
                <c:pt idx="6715">
                  <c:v>67150</c:v>
                </c:pt>
                <c:pt idx="6716">
                  <c:v>67160</c:v>
                </c:pt>
                <c:pt idx="6717">
                  <c:v>67170</c:v>
                </c:pt>
                <c:pt idx="6718">
                  <c:v>67180</c:v>
                </c:pt>
                <c:pt idx="6719">
                  <c:v>67190</c:v>
                </c:pt>
                <c:pt idx="6720">
                  <c:v>67200</c:v>
                </c:pt>
                <c:pt idx="6721">
                  <c:v>67210</c:v>
                </c:pt>
                <c:pt idx="6722">
                  <c:v>67220</c:v>
                </c:pt>
                <c:pt idx="6723">
                  <c:v>67230</c:v>
                </c:pt>
                <c:pt idx="6724">
                  <c:v>67240</c:v>
                </c:pt>
                <c:pt idx="6725">
                  <c:v>67250</c:v>
                </c:pt>
                <c:pt idx="6726">
                  <c:v>67260</c:v>
                </c:pt>
                <c:pt idx="6727">
                  <c:v>67270</c:v>
                </c:pt>
                <c:pt idx="6728">
                  <c:v>67280</c:v>
                </c:pt>
                <c:pt idx="6729">
                  <c:v>67290</c:v>
                </c:pt>
                <c:pt idx="6730">
                  <c:v>67300</c:v>
                </c:pt>
                <c:pt idx="6731">
                  <c:v>67310</c:v>
                </c:pt>
                <c:pt idx="6732">
                  <c:v>67320</c:v>
                </c:pt>
                <c:pt idx="6733">
                  <c:v>67330</c:v>
                </c:pt>
                <c:pt idx="6734">
                  <c:v>67340</c:v>
                </c:pt>
                <c:pt idx="6735">
                  <c:v>67350</c:v>
                </c:pt>
                <c:pt idx="6736">
                  <c:v>67360</c:v>
                </c:pt>
                <c:pt idx="6737">
                  <c:v>67370</c:v>
                </c:pt>
                <c:pt idx="6738">
                  <c:v>67380</c:v>
                </c:pt>
                <c:pt idx="6739">
                  <c:v>67390</c:v>
                </c:pt>
                <c:pt idx="6740">
                  <c:v>67400</c:v>
                </c:pt>
                <c:pt idx="6741">
                  <c:v>67410</c:v>
                </c:pt>
                <c:pt idx="6742">
                  <c:v>67420</c:v>
                </c:pt>
                <c:pt idx="6743">
                  <c:v>67430</c:v>
                </c:pt>
                <c:pt idx="6744">
                  <c:v>67440</c:v>
                </c:pt>
                <c:pt idx="6745">
                  <c:v>67450</c:v>
                </c:pt>
                <c:pt idx="6746">
                  <c:v>67460</c:v>
                </c:pt>
                <c:pt idx="6747">
                  <c:v>67470</c:v>
                </c:pt>
                <c:pt idx="6748">
                  <c:v>67480</c:v>
                </c:pt>
                <c:pt idx="6749">
                  <c:v>67490</c:v>
                </c:pt>
                <c:pt idx="6750">
                  <c:v>67500</c:v>
                </c:pt>
                <c:pt idx="6751">
                  <c:v>67510</c:v>
                </c:pt>
                <c:pt idx="6752">
                  <c:v>67520</c:v>
                </c:pt>
                <c:pt idx="6753">
                  <c:v>67530</c:v>
                </c:pt>
                <c:pt idx="6754">
                  <c:v>67540</c:v>
                </c:pt>
                <c:pt idx="6755">
                  <c:v>67550</c:v>
                </c:pt>
                <c:pt idx="6756">
                  <c:v>67560</c:v>
                </c:pt>
                <c:pt idx="6757">
                  <c:v>67570</c:v>
                </c:pt>
                <c:pt idx="6758">
                  <c:v>67580</c:v>
                </c:pt>
                <c:pt idx="6759">
                  <c:v>67590</c:v>
                </c:pt>
                <c:pt idx="6760">
                  <c:v>67600</c:v>
                </c:pt>
                <c:pt idx="6761">
                  <c:v>67610</c:v>
                </c:pt>
                <c:pt idx="6762">
                  <c:v>67620</c:v>
                </c:pt>
                <c:pt idx="6763">
                  <c:v>67630</c:v>
                </c:pt>
                <c:pt idx="6764">
                  <c:v>67640</c:v>
                </c:pt>
                <c:pt idx="6765">
                  <c:v>67650</c:v>
                </c:pt>
                <c:pt idx="6766">
                  <c:v>67660</c:v>
                </c:pt>
                <c:pt idx="6767">
                  <c:v>67670</c:v>
                </c:pt>
                <c:pt idx="6768">
                  <c:v>67680</c:v>
                </c:pt>
                <c:pt idx="6769">
                  <c:v>67690</c:v>
                </c:pt>
                <c:pt idx="6770">
                  <c:v>67700</c:v>
                </c:pt>
                <c:pt idx="6771">
                  <c:v>67710</c:v>
                </c:pt>
                <c:pt idx="6772">
                  <c:v>67720</c:v>
                </c:pt>
                <c:pt idx="6773">
                  <c:v>67730</c:v>
                </c:pt>
                <c:pt idx="6774">
                  <c:v>67740</c:v>
                </c:pt>
                <c:pt idx="6775">
                  <c:v>67750</c:v>
                </c:pt>
                <c:pt idx="6776">
                  <c:v>67760</c:v>
                </c:pt>
                <c:pt idx="6777">
                  <c:v>67770</c:v>
                </c:pt>
                <c:pt idx="6778">
                  <c:v>67780</c:v>
                </c:pt>
                <c:pt idx="6779">
                  <c:v>67790</c:v>
                </c:pt>
                <c:pt idx="6780">
                  <c:v>67800</c:v>
                </c:pt>
                <c:pt idx="6781">
                  <c:v>67810</c:v>
                </c:pt>
                <c:pt idx="6782">
                  <c:v>67820</c:v>
                </c:pt>
                <c:pt idx="6783">
                  <c:v>67830</c:v>
                </c:pt>
                <c:pt idx="6784">
                  <c:v>67840</c:v>
                </c:pt>
                <c:pt idx="6785">
                  <c:v>67850</c:v>
                </c:pt>
                <c:pt idx="6786">
                  <c:v>67860</c:v>
                </c:pt>
                <c:pt idx="6787">
                  <c:v>67870</c:v>
                </c:pt>
                <c:pt idx="6788">
                  <c:v>67880</c:v>
                </c:pt>
                <c:pt idx="6789">
                  <c:v>67890</c:v>
                </c:pt>
                <c:pt idx="6790">
                  <c:v>67900</c:v>
                </c:pt>
                <c:pt idx="6791">
                  <c:v>67910</c:v>
                </c:pt>
                <c:pt idx="6792">
                  <c:v>67920</c:v>
                </c:pt>
                <c:pt idx="6793">
                  <c:v>67930</c:v>
                </c:pt>
                <c:pt idx="6794">
                  <c:v>67940</c:v>
                </c:pt>
                <c:pt idx="6795">
                  <c:v>67950</c:v>
                </c:pt>
                <c:pt idx="6796">
                  <c:v>67960</c:v>
                </c:pt>
                <c:pt idx="6797">
                  <c:v>67970</c:v>
                </c:pt>
                <c:pt idx="6798">
                  <c:v>67980</c:v>
                </c:pt>
                <c:pt idx="6799">
                  <c:v>67990</c:v>
                </c:pt>
                <c:pt idx="6800">
                  <c:v>68000</c:v>
                </c:pt>
                <c:pt idx="6801">
                  <c:v>68010</c:v>
                </c:pt>
                <c:pt idx="6802">
                  <c:v>68020</c:v>
                </c:pt>
                <c:pt idx="6803">
                  <c:v>68030</c:v>
                </c:pt>
                <c:pt idx="6804">
                  <c:v>68040</c:v>
                </c:pt>
                <c:pt idx="6805">
                  <c:v>68050</c:v>
                </c:pt>
                <c:pt idx="6806">
                  <c:v>68060</c:v>
                </c:pt>
                <c:pt idx="6807">
                  <c:v>68070</c:v>
                </c:pt>
                <c:pt idx="6808">
                  <c:v>68080</c:v>
                </c:pt>
                <c:pt idx="6809">
                  <c:v>68090</c:v>
                </c:pt>
                <c:pt idx="6810">
                  <c:v>68100</c:v>
                </c:pt>
                <c:pt idx="6811">
                  <c:v>68110</c:v>
                </c:pt>
                <c:pt idx="6812">
                  <c:v>68120</c:v>
                </c:pt>
                <c:pt idx="6813">
                  <c:v>68130</c:v>
                </c:pt>
                <c:pt idx="6814">
                  <c:v>68140</c:v>
                </c:pt>
                <c:pt idx="6815">
                  <c:v>68150</c:v>
                </c:pt>
                <c:pt idx="6816">
                  <c:v>68160</c:v>
                </c:pt>
                <c:pt idx="6817">
                  <c:v>68170</c:v>
                </c:pt>
                <c:pt idx="6818">
                  <c:v>68180</c:v>
                </c:pt>
                <c:pt idx="6819">
                  <c:v>68190</c:v>
                </c:pt>
                <c:pt idx="6820">
                  <c:v>68200</c:v>
                </c:pt>
                <c:pt idx="6821">
                  <c:v>68210</c:v>
                </c:pt>
                <c:pt idx="6822">
                  <c:v>68220</c:v>
                </c:pt>
                <c:pt idx="6823">
                  <c:v>68230</c:v>
                </c:pt>
                <c:pt idx="6824">
                  <c:v>68240</c:v>
                </c:pt>
                <c:pt idx="6825">
                  <c:v>68250</c:v>
                </c:pt>
                <c:pt idx="6826">
                  <c:v>68260</c:v>
                </c:pt>
                <c:pt idx="6827">
                  <c:v>68270</c:v>
                </c:pt>
                <c:pt idx="6828">
                  <c:v>68280</c:v>
                </c:pt>
                <c:pt idx="6829">
                  <c:v>68290</c:v>
                </c:pt>
                <c:pt idx="6830">
                  <c:v>68300</c:v>
                </c:pt>
                <c:pt idx="6831">
                  <c:v>68310</c:v>
                </c:pt>
                <c:pt idx="6832">
                  <c:v>68320</c:v>
                </c:pt>
                <c:pt idx="6833">
                  <c:v>68330</c:v>
                </c:pt>
                <c:pt idx="6834">
                  <c:v>68340</c:v>
                </c:pt>
                <c:pt idx="6835">
                  <c:v>68350</c:v>
                </c:pt>
                <c:pt idx="6836">
                  <c:v>68360</c:v>
                </c:pt>
                <c:pt idx="6837">
                  <c:v>68370</c:v>
                </c:pt>
                <c:pt idx="6838">
                  <c:v>68380</c:v>
                </c:pt>
                <c:pt idx="6839">
                  <c:v>68390</c:v>
                </c:pt>
                <c:pt idx="6840">
                  <c:v>68400</c:v>
                </c:pt>
                <c:pt idx="6841">
                  <c:v>68410</c:v>
                </c:pt>
                <c:pt idx="6842">
                  <c:v>68420</c:v>
                </c:pt>
                <c:pt idx="6843">
                  <c:v>68430</c:v>
                </c:pt>
                <c:pt idx="6844">
                  <c:v>68440</c:v>
                </c:pt>
                <c:pt idx="6845">
                  <c:v>68450</c:v>
                </c:pt>
                <c:pt idx="6846">
                  <c:v>68460</c:v>
                </c:pt>
                <c:pt idx="6847">
                  <c:v>68470</c:v>
                </c:pt>
                <c:pt idx="6848">
                  <c:v>68480</c:v>
                </c:pt>
                <c:pt idx="6849">
                  <c:v>68490</c:v>
                </c:pt>
                <c:pt idx="6850">
                  <c:v>68500</c:v>
                </c:pt>
                <c:pt idx="6851">
                  <c:v>68510</c:v>
                </c:pt>
                <c:pt idx="6852">
                  <c:v>68520</c:v>
                </c:pt>
                <c:pt idx="6853">
                  <c:v>68530</c:v>
                </c:pt>
                <c:pt idx="6854">
                  <c:v>68540</c:v>
                </c:pt>
                <c:pt idx="6855">
                  <c:v>68550</c:v>
                </c:pt>
                <c:pt idx="6856">
                  <c:v>68560</c:v>
                </c:pt>
                <c:pt idx="6857">
                  <c:v>68570</c:v>
                </c:pt>
                <c:pt idx="6858">
                  <c:v>68580</c:v>
                </c:pt>
                <c:pt idx="6859">
                  <c:v>68590</c:v>
                </c:pt>
                <c:pt idx="6860">
                  <c:v>68600</c:v>
                </c:pt>
                <c:pt idx="6861">
                  <c:v>68610</c:v>
                </c:pt>
                <c:pt idx="6862">
                  <c:v>68620</c:v>
                </c:pt>
                <c:pt idx="6863">
                  <c:v>68630</c:v>
                </c:pt>
                <c:pt idx="6864">
                  <c:v>68640</c:v>
                </c:pt>
                <c:pt idx="6865">
                  <c:v>68650</c:v>
                </c:pt>
                <c:pt idx="6866">
                  <c:v>68660</c:v>
                </c:pt>
                <c:pt idx="6867">
                  <c:v>68670</c:v>
                </c:pt>
                <c:pt idx="6868">
                  <c:v>68680</c:v>
                </c:pt>
                <c:pt idx="6869">
                  <c:v>68690</c:v>
                </c:pt>
                <c:pt idx="6870">
                  <c:v>68700</c:v>
                </c:pt>
                <c:pt idx="6871">
                  <c:v>68710</c:v>
                </c:pt>
                <c:pt idx="6872">
                  <c:v>68720</c:v>
                </c:pt>
                <c:pt idx="6873">
                  <c:v>68730</c:v>
                </c:pt>
                <c:pt idx="6874">
                  <c:v>68740</c:v>
                </c:pt>
                <c:pt idx="6875">
                  <c:v>68750</c:v>
                </c:pt>
                <c:pt idx="6876">
                  <c:v>68760</c:v>
                </c:pt>
                <c:pt idx="6877">
                  <c:v>68770</c:v>
                </c:pt>
                <c:pt idx="6878">
                  <c:v>68780</c:v>
                </c:pt>
                <c:pt idx="6879">
                  <c:v>68790</c:v>
                </c:pt>
                <c:pt idx="6880">
                  <c:v>68800</c:v>
                </c:pt>
                <c:pt idx="6881">
                  <c:v>68810</c:v>
                </c:pt>
                <c:pt idx="6882">
                  <c:v>68820</c:v>
                </c:pt>
                <c:pt idx="6883">
                  <c:v>68830</c:v>
                </c:pt>
                <c:pt idx="6884">
                  <c:v>68840</c:v>
                </c:pt>
                <c:pt idx="6885">
                  <c:v>68850</c:v>
                </c:pt>
                <c:pt idx="6886">
                  <c:v>68860</c:v>
                </c:pt>
                <c:pt idx="6887">
                  <c:v>68870</c:v>
                </c:pt>
                <c:pt idx="6888">
                  <c:v>68880</c:v>
                </c:pt>
                <c:pt idx="6889">
                  <c:v>68890</c:v>
                </c:pt>
                <c:pt idx="6890">
                  <c:v>68900</c:v>
                </c:pt>
                <c:pt idx="6891">
                  <c:v>68910</c:v>
                </c:pt>
                <c:pt idx="6892">
                  <c:v>68920</c:v>
                </c:pt>
                <c:pt idx="6893">
                  <c:v>68930</c:v>
                </c:pt>
                <c:pt idx="6894">
                  <c:v>68940</c:v>
                </c:pt>
                <c:pt idx="6895">
                  <c:v>68950</c:v>
                </c:pt>
                <c:pt idx="6896">
                  <c:v>68960</c:v>
                </c:pt>
                <c:pt idx="6897">
                  <c:v>68970</c:v>
                </c:pt>
                <c:pt idx="6898">
                  <c:v>68980</c:v>
                </c:pt>
                <c:pt idx="6899">
                  <c:v>68990</c:v>
                </c:pt>
                <c:pt idx="6900">
                  <c:v>69000</c:v>
                </c:pt>
                <c:pt idx="6901">
                  <c:v>69010</c:v>
                </c:pt>
                <c:pt idx="6902">
                  <c:v>69020</c:v>
                </c:pt>
                <c:pt idx="6903">
                  <c:v>69030</c:v>
                </c:pt>
                <c:pt idx="6904">
                  <c:v>69040</c:v>
                </c:pt>
                <c:pt idx="6905">
                  <c:v>69050</c:v>
                </c:pt>
                <c:pt idx="6906">
                  <c:v>69060</c:v>
                </c:pt>
                <c:pt idx="6907">
                  <c:v>69070</c:v>
                </c:pt>
                <c:pt idx="6908">
                  <c:v>69080</c:v>
                </c:pt>
                <c:pt idx="6909">
                  <c:v>69090</c:v>
                </c:pt>
                <c:pt idx="6910">
                  <c:v>69100</c:v>
                </c:pt>
                <c:pt idx="6911">
                  <c:v>69110</c:v>
                </c:pt>
                <c:pt idx="6912">
                  <c:v>69120</c:v>
                </c:pt>
                <c:pt idx="6913">
                  <c:v>69130</c:v>
                </c:pt>
                <c:pt idx="6914">
                  <c:v>69140</c:v>
                </c:pt>
                <c:pt idx="6915">
                  <c:v>69150</c:v>
                </c:pt>
                <c:pt idx="6916">
                  <c:v>69160</c:v>
                </c:pt>
                <c:pt idx="6917">
                  <c:v>69170</c:v>
                </c:pt>
                <c:pt idx="6918">
                  <c:v>69180</c:v>
                </c:pt>
                <c:pt idx="6919">
                  <c:v>69190</c:v>
                </c:pt>
                <c:pt idx="6920">
                  <c:v>69200</c:v>
                </c:pt>
                <c:pt idx="6921">
                  <c:v>69210</c:v>
                </c:pt>
                <c:pt idx="6922">
                  <c:v>69220</c:v>
                </c:pt>
                <c:pt idx="6923">
                  <c:v>69230</c:v>
                </c:pt>
                <c:pt idx="6924">
                  <c:v>69240</c:v>
                </c:pt>
                <c:pt idx="6925">
                  <c:v>69250</c:v>
                </c:pt>
                <c:pt idx="6926">
                  <c:v>69260</c:v>
                </c:pt>
                <c:pt idx="6927">
                  <c:v>69270</c:v>
                </c:pt>
                <c:pt idx="6928">
                  <c:v>69280</c:v>
                </c:pt>
                <c:pt idx="6929">
                  <c:v>69290</c:v>
                </c:pt>
                <c:pt idx="6930">
                  <c:v>69300</c:v>
                </c:pt>
                <c:pt idx="6931">
                  <c:v>69310</c:v>
                </c:pt>
                <c:pt idx="6932">
                  <c:v>69320</c:v>
                </c:pt>
                <c:pt idx="6933">
                  <c:v>69330</c:v>
                </c:pt>
                <c:pt idx="6934">
                  <c:v>69340</c:v>
                </c:pt>
                <c:pt idx="6935">
                  <c:v>69350</c:v>
                </c:pt>
                <c:pt idx="6936">
                  <c:v>69360</c:v>
                </c:pt>
                <c:pt idx="6937">
                  <c:v>69370</c:v>
                </c:pt>
                <c:pt idx="6938">
                  <c:v>69380</c:v>
                </c:pt>
                <c:pt idx="6939">
                  <c:v>69390</c:v>
                </c:pt>
                <c:pt idx="6940">
                  <c:v>69400</c:v>
                </c:pt>
                <c:pt idx="6941">
                  <c:v>69410</c:v>
                </c:pt>
                <c:pt idx="6942">
                  <c:v>69420</c:v>
                </c:pt>
                <c:pt idx="6943">
                  <c:v>69430</c:v>
                </c:pt>
                <c:pt idx="6944">
                  <c:v>69440</c:v>
                </c:pt>
                <c:pt idx="6945">
                  <c:v>69450</c:v>
                </c:pt>
                <c:pt idx="6946">
                  <c:v>69460</c:v>
                </c:pt>
                <c:pt idx="6947">
                  <c:v>69470</c:v>
                </c:pt>
                <c:pt idx="6948">
                  <c:v>69480</c:v>
                </c:pt>
                <c:pt idx="6949">
                  <c:v>69490</c:v>
                </c:pt>
                <c:pt idx="6950">
                  <c:v>69500</c:v>
                </c:pt>
                <c:pt idx="6951">
                  <c:v>69510</c:v>
                </c:pt>
                <c:pt idx="6952">
                  <c:v>69520</c:v>
                </c:pt>
                <c:pt idx="6953">
                  <c:v>69530</c:v>
                </c:pt>
                <c:pt idx="6954">
                  <c:v>69540</c:v>
                </c:pt>
                <c:pt idx="6955">
                  <c:v>69550</c:v>
                </c:pt>
                <c:pt idx="6956">
                  <c:v>69560</c:v>
                </c:pt>
                <c:pt idx="6957">
                  <c:v>69570</c:v>
                </c:pt>
                <c:pt idx="6958">
                  <c:v>69580</c:v>
                </c:pt>
                <c:pt idx="6959">
                  <c:v>69590</c:v>
                </c:pt>
                <c:pt idx="6960">
                  <c:v>69600</c:v>
                </c:pt>
                <c:pt idx="6961">
                  <c:v>69610</c:v>
                </c:pt>
                <c:pt idx="6962">
                  <c:v>69620</c:v>
                </c:pt>
                <c:pt idx="6963">
                  <c:v>69630</c:v>
                </c:pt>
                <c:pt idx="6964">
                  <c:v>69640</c:v>
                </c:pt>
                <c:pt idx="6965">
                  <c:v>69650</c:v>
                </c:pt>
                <c:pt idx="6966">
                  <c:v>69660</c:v>
                </c:pt>
                <c:pt idx="6967">
                  <c:v>69670</c:v>
                </c:pt>
                <c:pt idx="6968">
                  <c:v>69680</c:v>
                </c:pt>
                <c:pt idx="6969">
                  <c:v>69690</c:v>
                </c:pt>
                <c:pt idx="6970">
                  <c:v>69700</c:v>
                </c:pt>
                <c:pt idx="6971">
                  <c:v>69710</c:v>
                </c:pt>
                <c:pt idx="6972">
                  <c:v>69720</c:v>
                </c:pt>
                <c:pt idx="6973">
                  <c:v>69730</c:v>
                </c:pt>
                <c:pt idx="6974">
                  <c:v>69740</c:v>
                </c:pt>
                <c:pt idx="6975">
                  <c:v>69750</c:v>
                </c:pt>
                <c:pt idx="6976">
                  <c:v>69760</c:v>
                </c:pt>
                <c:pt idx="6977">
                  <c:v>69770</c:v>
                </c:pt>
                <c:pt idx="6978">
                  <c:v>69780</c:v>
                </c:pt>
                <c:pt idx="6979">
                  <c:v>69790</c:v>
                </c:pt>
                <c:pt idx="6980">
                  <c:v>69800</c:v>
                </c:pt>
                <c:pt idx="6981">
                  <c:v>69810</c:v>
                </c:pt>
                <c:pt idx="6982">
                  <c:v>69820</c:v>
                </c:pt>
                <c:pt idx="6983">
                  <c:v>69830</c:v>
                </c:pt>
                <c:pt idx="6984">
                  <c:v>69840</c:v>
                </c:pt>
                <c:pt idx="6985">
                  <c:v>69850</c:v>
                </c:pt>
                <c:pt idx="6986">
                  <c:v>69860</c:v>
                </c:pt>
                <c:pt idx="6987">
                  <c:v>69870</c:v>
                </c:pt>
                <c:pt idx="6988">
                  <c:v>69880</c:v>
                </c:pt>
                <c:pt idx="6989">
                  <c:v>69890</c:v>
                </c:pt>
                <c:pt idx="6990">
                  <c:v>69900</c:v>
                </c:pt>
                <c:pt idx="6991">
                  <c:v>69910</c:v>
                </c:pt>
                <c:pt idx="6992">
                  <c:v>69920</c:v>
                </c:pt>
                <c:pt idx="6993">
                  <c:v>69930</c:v>
                </c:pt>
                <c:pt idx="6994">
                  <c:v>69940</c:v>
                </c:pt>
                <c:pt idx="6995">
                  <c:v>69950</c:v>
                </c:pt>
                <c:pt idx="6996">
                  <c:v>69960</c:v>
                </c:pt>
                <c:pt idx="6997">
                  <c:v>69970</c:v>
                </c:pt>
                <c:pt idx="6998">
                  <c:v>69980</c:v>
                </c:pt>
                <c:pt idx="6999">
                  <c:v>69990</c:v>
                </c:pt>
                <c:pt idx="7000">
                  <c:v>70000</c:v>
                </c:pt>
                <c:pt idx="7001">
                  <c:v>70010</c:v>
                </c:pt>
                <c:pt idx="7002">
                  <c:v>70020</c:v>
                </c:pt>
                <c:pt idx="7003">
                  <c:v>70030</c:v>
                </c:pt>
                <c:pt idx="7004">
                  <c:v>70040</c:v>
                </c:pt>
                <c:pt idx="7005">
                  <c:v>70050</c:v>
                </c:pt>
                <c:pt idx="7006">
                  <c:v>70060</c:v>
                </c:pt>
                <c:pt idx="7007">
                  <c:v>70070</c:v>
                </c:pt>
                <c:pt idx="7008">
                  <c:v>70080</c:v>
                </c:pt>
                <c:pt idx="7009">
                  <c:v>70090</c:v>
                </c:pt>
                <c:pt idx="7010">
                  <c:v>70100</c:v>
                </c:pt>
                <c:pt idx="7011">
                  <c:v>70110</c:v>
                </c:pt>
                <c:pt idx="7012">
                  <c:v>70120</c:v>
                </c:pt>
                <c:pt idx="7013">
                  <c:v>70130</c:v>
                </c:pt>
                <c:pt idx="7014">
                  <c:v>70140</c:v>
                </c:pt>
                <c:pt idx="7015">
                  <c:v>70150</c:v>
                </c:pt>
                <c:pt idx="7016">
                  <c:v>70160</c:v>
                </c:pt>
                <c:pt idx="7017">
                  <c:v>70170</c:v>
                </c:pt>
                <c:pt idx="7018">
                  <c:v>70180</c:v>
                </c:pt>
                <c:pt idx="7019">
                  <c:v>70190</c:v>
                </c:pt>
                <c:pt idx="7020">
                  <c:v>70200</c:v>
                </c:pt>
                <c:pt idx="7021">
                  <c:v>70210</c:v>
                </c:pt>
                <c:pt idx="7022">
                  <c:v>70220</c:v>
                </c:pt>
                <c:pt idx="7023">
                  <c:v>70230</c:v>
                </c:pt>
                <c:pt idx="7024">
                  <c:v>70240</c:v>
                </c:pt>
                <c:pt idx="7025">
                  <c:v>70250</c:v>
                </c:pt>
                <c:pt idx="7026">
                  <c:v>70260</c:v>
                </c:pt>
                <c:pt idx="7027">
                  <c:v>70270</c:v>
                </c:pt>
                <c:pt idx="7028">
                  <c:v>70280</c:v>
                </c:pt>
                <c:pt idx="7029">
                  <c:v>70290</c:v>
                </c:pt>
                <c:pt idx="7030">
                  <c:v>70300</c:v>
                </c:pt>
                <c:pt idx="7031">
                  <c:v>70310</c:v>
                </c:pt>
                <c:pt idx="7032">
                  <c:v>70320</c:v>
                </c:pt>
                <c:pt idx="7033">
                  <c:v>70330</c:v>
                </c:pt>
                <c:pt idx="7034">
                  <c:v>70340</c:v>
                </c:pt>
                <c:pt idx="7035">
                  <c:v>70350</c:v>
                </c:pt>
                <c:pt idx="7036">
                  <c:v>70360</c:v>
                </c:pt>
                <c:pt idx="7037">
                  <c:v>70370</c:v>
                </c:pt>
                <c:pt idx="7038">
                  <c:v>70380</c:v>
                </c:pt>
                <c:pt idx="7039">
                  <c:v>70390</c:v>
                </c:pt>
                <c:pt idx="7040">
                  <c:v>70400</c:v>
                </c:pt>
                <c:pt idx="7041">
                  <c:v>70410</c:v>
                </c:pt>
                <c:pt idx="7042">
                  <c:v>70420</c:v>
                </c:pt>
                <c:pt idx="7043">
                  <c:v>70430</c:v>
                </c:pt>
                <c:pt idx="7044">
                  <c:v>70440</c:v>
                </c:pt>
                <c:pt idx="7045">
                  <c:v>70450</c:v>
                </c:pt>
                <c:pt idx="7046">
                  <c:v>70460</c:v>
                </c:pt>
                <c:pt idx="7047">
                  <c:v>70470</c:v>
                </c:pt>
                <c:pt idx="7048">
                  <c:v>70480</c:v>
                </c:pt>
                <c:pt idx="7049">
                  <c:v>70490</c:v>
                </c:pt>
                <c:pt idx="7050">
                  <c:v>70500</c:v>
                </c:pt>
                <c:pt idx="7051">
                  <c:v>70510</c:v>
                </c:pt>
                <c:pt idx="7052">
                  <c:v>70520</c:v>
                </c:pt>
                <c:pt idx="7053">
                  <c:v>70530</c:v>
                </c:pt>
                <c:pt idx="7054">
                  <c:v>70540</c:v>
                </c:pt>
                <c:pt idx="7055">
                  <c:v>70550</c:v>
                </c:pt>
                <c:pt idx="7056">
                  <c:v>70560</c:v>
                </c:pt>
                <c:pt idx="7057">
                  <c:v>70570</c:v>
                </c:pt>
                <c:pt idx="7058">
                  <c:v>70580</c:v>
                </c:pt>
                <c:pt idx="7059">
                  <c:v>70590</c:v>
                </c:pt>
                <c:pt idx="7060">
                  <c:v>70600</c:v>
                </c:pt>
                <c:pt idx="7061">
                  <c:v>70610</c:v>
                </c:pt>
                <c:pt idx="7062">
                  <c:v>70620</c:v>
                </c:pt>
                <c:pt idx="7063">
                  <c:v>70630</c:v>
                </c:pt>
                <c:pt idx="7064">
                  <c:v>70640</c:v>
                </c:pt>
                <c:pt idx="7065">
                  <c:v>70650</c:v>
                </c:pt>
                <c:pt idx="7066">
                  <c:v>70660</c:v>
                </c:pt>
                <c:pt idx="7067">
                  <c:v>70670</c:v>
                </c:pt>
                <c:pt idx="7068">
                  <c:v>70680</c:v>
                </c:pt>
                <c:pt idx="7069">
                  <c:v>70690</c:v>
                </c:pt>
                <c:pt idx="7070">
                  <c:v>70700</c:v>
                </c:pt>
                <c:pt idx="7071">
                  <c:v>70710</c:v>
                </c:pt>
                <c:pt idx="7072">
                  <c:v>70720</c:v>
                </c:pt>
                <c:pt idx="7073">
                  <c:v>70730</c:v>
                </c:pt>
                <c:pt idx="7074">
                  <c:v>70740</c:v>
                </c:pt>
                <c:pt idx="7075">
                  <c:v>70750</c:v>
                </c:pt>
                <c:pt idx="7076">
                  <c:v>70760</c:v>
                </c:pt>
                <c:pt idx="7077">
                  <c:v>70770</c:v>
                </c:pt>
                <c:pt idx="7078">
                  <c:v>70780</c:v>
                </c:pt>
                <c:pt idx="7079">
                  <c:v>70790</c:v>
                </c:pt>
                <c:pt idx="7080">
                  <c:v>70800</c:v>
                </c:pt>
                <c:pt idx="7081">
                  <c:v>70810</c:v>
                </c:pt>
                <c:pt idx="7082">
                  <c:v>70820</c:v>
                </c:pt>
                <c:pt idx="7083">
                  <c:v>70830</c:v>
                </c:pt>
                <c:pt idx="7084">
                  <c:v>70840</c:v>
                </c:pt>
                <c:pt idx="7085">
                  <c:v>70850</c:v>
                </c:pt>
                <c:pt idx="7086">
                  <c:v>70860</c:v>
                </c:pt>
                <c:pt idx="7087">
                  <c:v>70870</c:v>
                </c:pt>
                <c:pt idx="7088">
                  <c:v>70880</c:v>
                </c:pt>
                <c:pt idx="7089">
                  <c:v>70890</c:v>
                </c:pt>
                <c:pt idx="7090">
                  <c:v>70900</c:v>
                </c:pt>
                <c:pt idx="7091">
                  <c:v>70910</c:v>
                </c:pt>
                <c:pt idx="7092">
                  <c:v>70920</c:v>
                </c:pt>
                <c:pt idx="7093">
                  <c:v>70930</c:v>
                </c:pt>
                <c:pt idx="7094">
                  <c:v>70940</c:v>
                </c:pt>
                <c:pt idx="7095">
                  <c:v>70950</c:v>
                </c:pt>
                <c:pt idx="7096">
                  <c:v>70960</c:v>
                </c:pt>
                <c:pt idx="7097">
                  <c:v>70970</c:v>
                </c:pt>
                <c:pt idx="7098">
                  <c:v>70980</c:v>
                </c:pt>
                <c:pt idx="7099">
                  <c:v>70990</c:v>
                </c:pt>
                <c:pt idx="7100">
                  <c:v>71000</c:v>
                </c:pt>
                <c:pt idx="7101">
                  <c:v>71010</c:v>
                </c:pt>
                <c:pt idx="7102">
                  <c:v>71020</c:v>
                </c:pt>
                <c:pt idx="7103">
                  <c:v>71030</c:v>
                </c:pt>
                <c:pt idx="7104">
                  <c:v>71040</c:v>
                </c:pt>
                <c:pt idx="7105">
                  <c:v>71050</c:v>
                </c:pt>
                <c:pt idx="7106">
                  <c:v>71060</c:v>
                </c:pt>
                <c:pt idx="7107">
                  <c:v>71070</c:v>
                </c:pt>
                <c:pt idx="7108">
                  <c:v>71080</c:v>
                </c:pt>
                <c:pt idx="7109">
                  <c:v>71090</c:v>
                </c:pt>
                <c:pt idx="7110">
                  <c:v>71100</c:v>
                </c:pt>
                <c:pt idx="7111">
                  <c:v>71110</c:v>
                </c:pt>
                <c:pt idx="7112">
                  <c:v>71120</c:v>
                </c:pt>
                <c:pt idx="7113">
                  <c:v>71130</c:v>
                </c:pt>
                <c:pt idx="7114">
                  <c:v>71140</c:v>
                </c:pt>
                <c:pt idx="7115">
                  <c:v>71150</c:v>
                </c:pt>
                <c:pt idx="7116">
                  <c:v>71160</c:v>
                </c:pt>
                <c:pt idx="7117">
                  <c:v>71170</c:v>
                </c:pt>
                <c:pt idx="7118">
                  <c:v>71180</c:v>
                </c:pt>
                <c:pt idx="7119">
                  <c:v>71190</c:v>
                </c:pt>
                <c:pt idx="7120">
                  <c:v>71200</c:v>
                </c:pt>
                <c:pt idx="7121">
                  <c:v>71210</c:v>
                </c:pt>
                <c:pt idx="7122">
                  <c:v>71220</c:v>
                </c:pt>
                <c:pt idx="7123">
                  <c:v>71230</c:v>
                </c:pt>
                <c:pt idx="7124">
                  <c:v>71240</c:v>
                </c:pt>
                <c:pt idx="7125">
                  <c:v>71250</c:v>
                </c:pt>
                <c:pt idx="7126">
                  <c:v>71260</c:v>
                </c:pt>
                <c:pt idx="7127">
                  <c:v>71270</c:v>
                </c:pt>
                <c:pt idx="7128">
                  <c:v>71280</c:v>
                </c:pt>
                <c:pt idx="7129">
                  <c:v>71290</c:v>
                </c:pt>
                <c:pt idx="7130">
                  <c:v>71300</c:v>
                </c:pt>
                <c:pt idx="7131">
                  <c:v>71310</c:v>
                </c:pt>
                <c:pt idx="7132">
                  <c:v>71320</c:v>
                </c:pt>
                <c:pt idx="7133">
                  <c:v>71330</c:v>
                </c:pt>
                <c:pt idx="7134">
                  <c:v>71340</c:v>
                </c:pt>
                <c:pt idx="7135">
                  <c:v>71350</c:v>
                </c:pt>
                <c:pt idx="7136">
                  <c:v>71360</c:v>
                </c:pt>
                <c:pt idx="7137">
                  <c:v>71370</c:v>
                </c:pt>
                <c:pt idx="7138">
                  <c:v>71380</c:v>
                </c:pt>
                <c:pt idx="7139">
                  <c:v>71390</c:v>
                </c:pt>
                <c:pt idx="7140">
                  <c:v>71400</c:v>
                </c:pt>
                <c:pt idx="7141">
                  <c:v>71410</c:v>
                </c:pt>
                <c:pt idx="7142">
                  <c:v>71420</c:v>
                </c:pt>
                <c:pt idx="7143">
                  <c:v>71430</c:v>
                </c:pt>
                <c:pt idx="7144">
                  <c:v>71440</c:v>
                </c:pt>
                <c:pt idx="7145">
                  <c:v>71450</c:v>
                </c:pt>
                <c:pt idx="7146">
                  <c:v>71460</c:v>
                </c:pt>
                <c:pt idx="7147">
                  <c:v>71470</c:v>
                </c:pt>
                <c:pt idx="7148">
                  <c:v>71480</c:v>
                </c:pt>
                <c:pt idx="7149">
                  <c:v>71490</c:v>
                </c:pt>
                <c:pt idx="7150">
                  <c:v>71500</c:v>
                </c:pt>
                <c:pt idx="7151">
                  <c:v>71510</c:v>
                </c:pt>
                <c:pt idx="7152">
                  <c:v>71520</c:v>
                </c:pt>
                <c:pt idx="7153">
                  <c:v>71530</c:v>
                </c:pt>
                <c:pt idx="7154">
                  <c:v>71540</c:v>
                </c:pt>
                <c:pt idx="7155">
                  <c:v>71550</c:v>
                </c:pt>
                <c:pt idx="7156">
                  <c:v>71560</c:v>
                </c:pt>
                <c:pt idx="7157">
                  <c:v>71570</c:v>
                </c:pt>
                <c:pt idx="7158">
                  <c:v>71580</c:v>
                </c:pt>
                <c:pt idx="7159">
                  <c:v>71590</c:v>
                </c:pt>
                <c:pt idx="7160">
                  <c:v>71600</c:v>
                </c:pt>
                <c:pt idx="7161">
                  <c:v>71610</c:v>
                </c:pt>
                <c:pt idx="7162">
                  <c:v>71620</c:v>
                </c:pt>
                <c:pt idx="7163">
                  <c:v>71630</c:v>
                </c:pt>
                <c:pt idx="7164">
                  <c:v>71640</c:v>
                </c:pt>
                <c:pt idx="7165">
                  <c:v>71650</c:v>
                </c:pt>
                <c:pt idx="7166">
                  <c:v>71660</c:v>
                </c:pt>
                <c:pt idx="7167">
                  <c:v>71670</c:v>
                </c:pt>
                <c:pt idx="7168">
                  <c:v>71680</c:v>
                </c:pt>
                <c:pt idx="7169">
                  <c:v>71690</c:v>
                </c:pt>
                <c:pt idx="7170">
                  <c:v>71700</c:v>
                </c:pt>
                <c:pt idx="7171">
                  <c:v>71710</c:v>
                </c:pt>
                <c:pt idx="7172">
                  <c:v>71720</c:v>
                </c:pt>
                <c:pt idx="7173">
                  <c:v>71730</c:v>
                </c:pt>
                <c:pt idx="7174">
                  <c:v>71740</c:v>
                </c:pt>
                <c:pt idx="7175">
                  <c:v>71750</c:v>
                </c:pt>
                <c:pt idx="7176">
                  <c:v>71760</c:v>
                </c:pt>
                <c:pt idx="7177">
                  <c:v>71770</c:v>
                </c:pt>
                <c:pt idx="7178">
                  <c:v>71780</c:v>
                </c:pt>
                <c:pt idx="7179">
                  <c:v>71790</c:v>
                </c:pt>
                <c:pt idx="7180">
                  <c:v>71800</c:v>
                </c:pt>
                <c:pt idx="7181">
                  <c:v>71810</c:v>
                </c:pt>
                <c:pt idx="7182">
                  <c:v>71820</c:v>
                </c:pt>
                <c:pt idx="7183">
                  <c:v>71830</c:v>
                </c:pt>
                <c:pt idx="7184">
                  <c:v>71840</c:v>
                </c:pt>
                <c:pt idx="7185">
                  <c:v>71850</c:v>
                </c:pt>
                <c:pt idx="7186">
                  <c:v>71860</c:v>
                </c:pt>
                <c:pt idx="7187">
                  <c:v>71870</c:v>
                </c:pt>
                <c:pt idx="7188">
                  <c:v>71880</c:v>
                </c:pt>
                <c:pt idx="7189">
                  <c:v>71890</c:v>
                </c:pt>
                <c:pt idx="7190">
                  <c:v>71900</c:v>
                </c:pt>
                <c:pt idx="7191">
                  <c:v>71910</c:v>
                </c:pt>
                <c:pt idx="7192">
                  <c:v>71920</c:v>
                </c:pt>
                <c:pt idx="7193">
                  <c:v>71930</c:v>
                </c:pt>
                <c:pt idx="7194">
                  <c:v>71940</c:v>
                </c:pt>
                <c:pt idx="7195">
                  <c:v>71950</c:v>
                </c:pt>
                <c:pt idx="7196">
                  <c:v>71960</c:v>
                </c:pt>
                <c:pt idx="7197">
                  <c:v>71970</c:v>
                </c:pt>
                <c:pt idx="7198">
                  <c:v>71980</c:v>
                </c:pt>
                <c:pt idx="7199">
                  <c:v>71990</c:v>
                </c:pt>
                <c:pt idx="7200">
                  <c:v>72000</c:v>
                </c:pt>
                <c:pt idx="7201">
                  <c:v>72010</c:v>
                </c:pt>
                <c:pt idx="7202">
                  <c:v>72020</c:v>
                </c:pt>
                <c:pt idx="7203">
                  <c:v>72030</c:v>
                </c:pt>
                <c:pt idx="7204">
                  <c:v>72040</c:v>
                </c:pt>
                <c:pt idx="7205">
                  <c:v>72050</c:v>
                </c:pt>
                <c:pt idx="7206">
                  <c:v>72060</c:v>
                </c:pt>
                <c:pt idx="7207">
                  <c:v>72070</c:v>
                </c:pt>
                <c:pt idx="7208">
                  <c:v>72080</c:v>
                </c:pt>
                <c:pt idx="7209">
                  <c:v>72090</c:v>
                </c:pt>
                <c:pt idx="7210">
                  <c:v>72100</c:v>
                </c:pt>
                <c:pt idx="7211">
                  <c:v>72110</c:v>
                </c:pt>
                <c:pt idx="7212">
                  <c:v>72120</c:v>
                </c:pt>
                <c:pt idx="7213">
                  <c:v>72130</c:v>
                </c:pt>
                <c:pt idx="7214">
                  <c:v>72140</c:v>
                </c:pt>
                <c:pt idx="7215">
                  <c:v>72150</c:v>
                </c:pt>
                <c:pt idx="7216">
                  <c:v>72160</c:v>
                </c:pt>
                <c:pt idx="7217">
                  <c:v>72170</c:v>
                </c:pt>
                <c:pt idx="7218">
                  <c:v>72180</c:v>
                </c:pt>
                <c:pt idx="7219">
                  <c:v>72190</c:v>
                </c:pt>
                <c:pt idx="7220">
                  <c:v>72200</c:v>
                </c:pt>
                <c:pt idx="7221">
                  <c:v>72210</c:v>
                </c:pt>
                <c:pt idx="7222">
                  <c:v>72220</c:v>
                </c:pt>
                <c:pt idx="7223">
                  <c:v>72230</c:v>
                </c:pt>
                <c:pt idx="7224">
                  <c:v>72240</c:v>
                </c:pt>
                <c:pt idx="7225">
                  <c:v>72250</c:v>
                </c:pt>
                <c:pt idx="7226">
                  <c:v>72260</c:v>
                </c:pt>
                <c:pt idx="7227">
                  <c:v>72270</c:v>
                </c:pt>
                <c:pt idx="7228">
                  <c:v>72280</c:v>
                </c:pt>
                <c:pt idx="7229">
                  <c:v>72290</c:v>
                </c:pt>
                <c:pt idx="7230">
                  <c:v>72300</c:v>
                </c:pt>
                <c:pt idx="7231">
                  <c:v>72310</c:v>
                </c:pt>
                <c:pt idx="7232">
                  <c:v>72320</c:v>
                </c:pt>
                <c:pt idx="7233">
                  <c:v>72330</c:v>
                </c:pt>
                <c:pt idx="7234">
                  <c:v>72340</c:v>
                </c:pt>
                <c:pt idx="7235">
                  <c:v>72350</c:v>
                </c:pt>
                <c:pt idx="7236">
                  <c:v>72360</c:v>
                </c:pt>
                <c:pt idx="7237">
                  <c:v>72370</c:v>
                </c:pt>
                <c:pt idx="7238">
                  <c:v>72380</c:v>
                </c:pt>
                <c:pt idx="7239">
                  <c:v>72390</c:v>
                </c:pt>
                <c:pt idx="7240">
                  <c:v>72400</c:v>
                </c:pt>
                <c:pt idx="7241">
                  <c:v>72410</c:v>
                </c:pt>
                <c:pt idx="7242">
                  <c:v>72420</c:v>
                </c:pt>
                <c:pt idx="7243">
                  <c:v>72430</c:v>
                </c:pt>
                <c:pt idx="7244">
                  <c:v>72440</c:v>
                </c:pt>
                <c:pt idx="7245">
                  <c:v>72450</c:v>
                </c:pt>
                <c:pt idx="7246">
                  <c:v>72460</c:v>
                </c:pt>
                <c:pt idx="7247">
                  <c:v>72470</c:v>
                </c:pt>
                <c:pt idx="7248">
                  <c:v>72480</c:v>
                </c:pt>
                <c:pt idx="7249">
                  <c:v>72490</c:v>
                </c:pt>
                <c:pt idx="7250">
                  <c:v>72500</c:v>
                </c:pt>
                <c:pt idx="7251">
                  <c:v>72510</c:v>
                </c:pt>
                <c:pt idx="7252">
                  <c:v>72520</c:v>
                </c:pt>
                <c:pt idx="7253">
                  <c:v>72530</c:v>
                </c:pt>
                <c:pt idx="7254">
                  <c:v>72540</c:v>
                </c:pt>
                <c:pt idx="7255">
                  <c:v>72550</c:v>
                </c:pt>
                <c:pt idx="7256">
                  <c:v>72560</c:v>
                </c:pt>
                <c:pt idx="7257">
                  <c:v>72570</c:v>
                </c:pt>
                <c:pt idx="7258">
                  <c:v>72580</c:v>
                </c:pt>
                <c:pt idx="7259">
                  <c:v>72590</c:v>
                </c:pt>
                <c:pt idx="7260">
                  <c:v>72600</c:v>
                </c:pt>
                <c:pt idx="7261">
                  <c:v>72610</c:v>
                </c:pt>
                <c:pt idx="7262">
                  <c:v>72620</c:v>
                </c:pt>
                <c:pt idx="7263">
                  <c:v>72630</c:v>
                </c:pt>
                <c:pt idx="7264">
                  <c:v>72640</c:v>
                </c:pt>
                <c:pt idx="7265">
                  <c:v>72650</c:v>
                </c:pt>
                <c:pt idx="7266">
                  <c:v>72660</c:v>
                </c:pt>
                <c:pt idx="7267">
                  <c:v>72670</c:v>
                </c:pt>
                <c:pt idx="7268">
                  <c:v>72680</c:v>
                </c:pt>
                <c:pt idx="7269">
                  <c:v>72690</c:v>
                </c:pt>
                <c:pt idx="7270">
                  <c:v>72700</c:v>
                </c:pt>
                <c:pt idx="7271">
                  <c:v>72710</c:v>
                </c:pt>
                <c:pt idx="7272">
                  <c:v>72720</c:v>
                </c:pt>
                <c:pt idx="7273">
                  <c:v>72730</c:v>
                </c:pt>
                <c:pt idx="7274">
                  <c:v>72740</c:v>
                </c:pt>
                <c:pt idx="7275">
                  <c:v>72750</c:v>
                </c:pt>
                <c:pt idx="7276">
                  <c:v>72760</c:v>
                </c:pt>
                <c:pt idx="7277">
                  <c:v>72770</c:v>
                </c:pt>
                <c:pt idx="7278">
                  <c:v>72780</c:v>
                </c:pt>
                <c:pt idx="7279">
                  <c:v>72790</c:v>
                </c:pt>
                <c:pt idx="7280">
                  <c:v>72800</c:v>
                </c:pt>
                <c:pt idx="7281">
                  <c:v>72810</c:v>
                </c:pt>
                <c:pt idx="7282">
                  <c:v>72820</c:v>
                </c:pt>
                <c:pt idx="7283">
                  <c:v>72830</c:v>
                </c:pt>
                <c:pt idx="7284">
                  <c:v>72840</c:v>
                </c:pt>
                <c:pt idx="7285">
                  <c:v>72850</c:v>
                </c:pt>
                <c:pt idx="7286">
                  <c:v>72860</c:v>
                </c:pt>
                <c:pt idx="7287">
                  <c:v>72870</c:v>
                </c:pt>
                <c:pt idx="7288">
                  <c:v>72880</c:v>
                </c:pt>
                <c:pt idx="7289">
                  <c:v>72890</c:v>
                </c:pt>
                <c:pt idx="7290">
                  <c:v>72900</c:v>
                </c:pt>
                <c:pt idx="7291">
                  <c:v>72910</c:v>
                </c:pt>
                <c:pt idx="7292">
                  <c:v>72920</c:v>
                </c:pt>
                <c:pt idx="7293">
                  <c:v>72930</c:v>
                </c:pt>
                <c:pt idx="7294">
                  <c:v>72940</c:v>
                </c:pt>
                <c:pt idx="7295">
                  <c:v>72950</c:v>
                </c:pt>
                <c:pt idx="7296">
                  <c:v>72960</c:v>
                </c:pt>
                <c:pt idx="7297">
                  <c:v>72970</c:v>
                </c:pt>
                <c:pt idx="7298">
                  <c:v>72980</c:v>
                </c:pt>
                <c:pt idx="7299">
                  <c:v>72990</c:v>
                </c:pt>
                <c:pt idx="7300">
                  <c:v>73000</c:v>
                </c:pt>
                <c:pt idx="7301">
                  <c:v>73010</c:v>
                </c:pt>
                <c:pt idx="7302">
                  <c:v>73020</c:v>
                </c:pt>
                <c:pt idx="7303">
                  <c:v>73030</c:v>
                </c:pt>
                <c:pt idx="7304">
                  <c:v>73040</c:v>
                </c:pt>
                <c:pt idx="7305">
                  <c:v>73050</c:v>
                </c:pt>
                <c:pt idx="7306">
                  <c:v>73060</c:v>
                </c:pt>
                <c:pt idx="7307">
                  <c:v>73070</c:v>
                </c:pt>
                <c:pt idx="7308">
                  <c:v>73080</c:v>
                </c:pt>
                <c:pt idx="7309">
                  <c:v>73090</c:v>
                </c:pt>
                <c:pt idx="7310">
                  <c:v>73100</c:v>
                </c:pt>
                <c:pt idx="7311">
                  <c:v>73110</c:v>
                </c:pt>
                <c:pt idx="7312">
                  <c:v>73120</c:v>
                </c:pt>
                <c:pt idx="7313">
                  <c:v>73130</c:v>
                </c:pt>
                <c:pt idx="7314">
                  <c:v>73140</c:v>
                </c:pt>
                <c:pt idx="7315">
                  <c:v>73150</c:v>
                </c:pt>
                <c:pt idx="7316">
                  <c:v>73160</c:v>
                </c:pt>
                <c:pt idx="7317">
                  <c:v>73170</c:v>
                </c:pt>
                <c:pt idx="7318">
                  <c:v>73180</c:v>
                </c:pt>
                <c:pt idx="7319">
                  <c:v>73190</c:v>
                </c:pt>
                <c:pt idx="7320">
                  <c:v>73200</c:v>
                </c:pt>
                <c:pt idx="7321">
                  <c:v>73210</c:v>
                </c:pt>
                <c:pt idx="7322">
                  <c:v>73220</c:v>
                </c:pt>
                <c:pt idx="7323">
                  <c:v>73230</c:v>
                </c:pt>
                <c:pt idx="7324">
                  <c:v>73240</c:v>
                </c:pt>
                <c:pt idx="7325">
                  <c:v>73250</c:v>
                </c:pt>
                <c:pt idx="7326">
                  <c:v>73260</c:v>
                </c:pt>
                <c:pt idx="7327">
                  <c:v>73270</c:v>
                </c:pt>
                <c:pt idx="7328">
                  <c:v>73280</c:v>
                </c:pt>
                <c:pt idx="7329">
                  <c:v>73290</c:v>
                </c:pt>
                <c:pt idx="7330">
                  <c:v>73300</c:v>
                </c:pt>
                <c:pt idx="7331">
                  <c:v>73310</c:v>
                </c:pt>
                <c:pt idx="7332">
                  <c:v>73320</c:v>
                </c:pt>
                <c:pt idx="7333">
                  <c:v>73330</c:v>
                </c:pt>
                <c:pt idx="7334">
                  <c:v>73340</c:v>
                </c:pt>
                <c:pt idx="7335">
                  <c:v>73350</c:v>
                </c:pt>
                <c:pt idx="7336">
                  <c:v>73360</c:v>
                </c:pt>
                <c:pt idx="7337">
                  <c:v>73370</c:v>
                </c:pt>
                <c:pt idx="7338">
                  <c:v>73380</c:v>
                </c:pt>
                <c:pt idx="7339">
                  <c:v>73390</c:v>
                </c:pt>
                <c:pt idx="7340">
                  <c:v>73400</c:v>
                </c:pt>
                <c:pt idx="7341">
                  <c:v>73410</c:v>
                </c:pt>
                <c:pt idx="7342">
                  <c:v>73420</c:v>
                </c:pt>
                <c:pt idx="7343">
                  <c:v>73430</c:v>
                </c:pt>
                <c:pt idx="7344">
                  <c:v>73440</c:v>
                </c:pt>
                <c:pt idx="7345">
                  <c:v>73450</c:v>
                </c:pt>
                <c:pt idx="7346">
                  <c:v>73460</c:v>
                </c:pt>
                <c:pt idx="7347">
                  <c:v>73470</c:v>
                </c:pt>
                <c:pt idx="7348">
                  <c:v>73480</c:v>
                </c:pt>
                <c:pt idx="7349">
                  <c:v>73490</c:v>
                </c:pt>
                <c:pt idx="7350">
                  <c:v>73500</c:v>
                </c:pt>
                <c:pt idx="7351">
                  <c:v>73510</c:v>
                </c:pt>
                <c:pt idx="7352">
                  <c:v>73520</c:v>
                </c:pt>
                <c:pt idx="7353">
                  <c:v>73530</c:v>
                </c:pt>
                <c:pt idx="7354">
                  <c:v>73540</c:v>
                </c:pt>
                <c:pt idx="7355">
                  <c:v>73550</c:v>
                </c:pt>
                <c:pt idx="7356">
                  <c:v>73560</c:v>
                </c:pt>
                <c:pt idx="7357">
                  <c:v>73570</c:v>
                </c:pt>
                <c:pt idx="7358">
                  <c:v>73580</c:v>
                </c:pt>
                <c:pt idx="7359">
                  <c:v>73590</c:v>
                </c:pt>
                <c:pt idx="7360">
                  <c:v>73600</c:v>
                </c:pt>
                <c:pt idx="7361">
                  <c:v>73610</c:v>
                </c:pt>
                <c:pt idx="7362">
                  <c:v>73620</c:v>
                </c:pt>
                <c:pt idx="7363">
                  <c:v>73630</c:v>
                </c:pt>
                <c:pt idx="7364">
                  <c:v>73640</c:v>
                </c:pt>
                <c:pt idx="7365">
                  <c:v>73650</c:v>
                </c:pt>
                <c:pt idx="7366">
                  <c:v>73660</c:v>
                </c:pt>
                <c:pt idx="7367">
                  <c:v>73670</c:v>
                </c:pt>
                <c:pt idx="7368">
                  <c:v>73680</c:v>
                </c:pt>
                <c:pt idx="7369">
                  <c:v>73690</c:v>
                </c:pt>
                <c:pt idx="7370">
                  <c:v>73700</c:v>
                </c:pt>
                <c:pt idx="7371">
                  <c:v>73710</c:v>
                </c:pt>
                <c:pt idx="7372">
                  <c:v>73720</c:v>
                </c:pt>
                <c:pt idx="7373">
                  <c:v>73730</c:v>
                </c:pt>
                <c:pt idx="7374">
                  <c:v>73740</c:v>
                </c:pt>
                <c:pt idx="7375">
                  <c:v>73750</c:v>
                </c:pt>
                <c:pt idx="7376">
                  <c:v>73760</c:v>
                </c:pt>
                <c:pt idx="7377">
                  <c:v>73770</c:v>
                </c:pt>
                <c:pt idx="7378">
                  <c:v>73780</c:v>
                </c:pt>
                <c:pt idx="7379">
                  <c:v>73790</c:v>
                </c:pt>
                <c:pt idx="7380">
                  <c:v>73800</c:v>
                </c:pt>
                <c:pt idx="7381">
                  <c:v>73810</c:v>
                </c:pt>
                <c:pt idx="7382">
                  <c:v>73820</c:v>
                </c:pt>
                <c:pt idx="7383">
                  <c:v>73830</c:v>
                </c:pt>
                <c:pt idx="7384">
                  <c:v>73840</c:v>
                </c:pt>
                <c:pt idx="7385">
                  <c:v>73850</c:v>
                </c:pt>
                <c:pt idx="7386">
                  <c:v>73860</c:v>
                </c:pt>
                <c:pt idx="7387">
                  <c:v>73870</c:v>
                </c:pt>
                <c:pt idx="7388">
                  <c:v>73880</c:v>
                </c:pt>
                <c:pt idx="7389">
                  <c:v>73890</c:v>
                </c:pt>
                <c:pt idx="7390">
                  <c:v>73900</c:v>
                </c:pt>
                <c:pt idx="7391">
                  <c:v>73910</c:v>
                </c:pt>
                <c:pt idx="7392">
                  <c:v>73920</c:v>
                </c:pt>
                <c:pt idx="7393">
                  <c:v>73930</c:v>
                </c:pt>
                <c:pt idx="7394">
                  <c:v>73940</c:v>
                </c:pt>
                <c:pt idx="7395">
                  <c:v>73950</c:v>
                </c:pt>
                <c:pt idx="7396">
                  <c:v>73960</c:v>
                </c:pt>
                <c:pt idx="7397">
                  <c:v>73970</c:v>
                </c:pt>
                <c:pt idx="7398">
                  <c:v>73980</c:v>
                </c:pt>
                <c:pt idx="7399">
                  <c:v>73990</c:v>
                </c:pt>
                <c:pt idx="7400">
                  <c:v>74000</c:v>
                </c:pt>
                <c:pt idx="7401">
                  <c:v>74010</c:v>
                </c:pt>
                <c:pt idx="7402">
                  <c:v>74020</c:v>
                </c:pt>
                <c:pt idx="7403">
                  <c:v>74030</c:v>
                </c:pt>
                <c:pt idx="7404">
                  <c:v>74040</c:v>
                </c:pt>
                <c:pt idx="7405">
                  <c:v>74050</c:v>
                </c:pt>
                <c:pt idx="7406">
                  <c:v>74060</c:v>
                </c:pt>
                <c:pt idx="7407">
                  <c:v>74070</c:v>
                </c:pt>
                <c:pt idx="7408">
                  <c:v>74080</c:v>
                </c:pt>
                <c:pt idx="7409">
                  <c:v>74090</c:v>
                </c:pt>
                <c:pt idx="7410">
                  <c:v>74100</c:v>
                </c:pt>
                <c:pt idx="7411">
                  <c:v>74110</c:v>
                </c:pt>
                <c:pt idx="7412">
                  <c:v>74120</c:v>
                </c:pt>
                <c:pt idx="7413">
                  <c:v>74130</c:v>
                </c:pt>
                <c:pt idx="7414">
                  <c:v>74140</c:v>
                </c:pt>
                <c:pt idx="7415">
                  <c:v>74150</c:v>
                </c:pt>
                <c:pt idx="7416">
                  <c:v>74160</c:v>
                </c:pt>
                <c:pt idx="7417">
                  <c:v>74170</c:v>
                </c:pt>
                <c:pt idx="7418">
                  <c:v>74180</c:v>
                </c:pt>
                <c:pt idx="7419">
                  <c:v>74190</c:v>
                </c:pt>
                <c:pt idx="7420">
                  <c:v>74200</c:v>
                </c:pt>
                <c:pt idx="7421">
                  <c:v>74210</c:v>
                </c:pt>
                <c:pt idx="7422">
                  <c:v>74220</c:v>
                </c:pt>
                <c:pt idx="7423">
                  <c:v>74230</c:v>
                </c:pt>
                <c:pt idx="7424">
                  <c:v>74240</c:v>
                </c:pt>
                <c:pt idx="7425">
                  <c:v>74250</c:v>
                </c:pt>
                <c:pt idx="7426">
                  <c:v>74260</c:v>
                </c:pt>
                <c:pt idx="7427">
                  <c:v>74270</c:v>
                </c:pt>
                <c:pt idx="7428">
                  <c:v>74280</c:v>
                </c:pt>
                <c:pt idx="7429">
                  <c:v>74290</c:v>
                </c:pt>
                <c:pt idx="7430">
                  <c:v>74300</c:v>
                </c:pt>
                <c:pt idx="7431">
                  <c:v>74310</c:v>
                </c:pt>
                <c:pt idx="7432">
                  <c:v>74320</c:v>
                </c:pt>
                <c:pt idx="7433">
                  <c:v>74330</c:v>
                </c:pt>
                <c:pt idx="7434">
                  <c:v>74340</c:v>
                </c:pt>
                <c:pt idx="7435">
                  <c:v>74350</c:v>
                </c:pt>
                <c:pt idx="7436">
                  <c:v>74360</c:v>
                </c:pt>
                <c:pt idx="7437">
                  <c:v>74370</c:v>
                </c:pt>
                <c:pt idx="7438">
                  <c:v>74380</c:v>
                </c:pt>
                <c:pt idx="7439">
                  <c:v>74390</c:v>
                </c:pt>
                <c:pt idx="7440">
                  <c:v>74400</c:v>
                </c:pt>
                <c:pt idx="7441">
                  <c:v>74410</c:v>
                </c:pt>
                <c:pt idx="7442">
                  <c:v>74420</c:v>
                </c:pt>
                <c:pt idx="7443">
                  <c:v>74430</c:v>
                </c:pt>
                <c:pt idx="7444">
                  <c:v>74440</c:v>
                </c:pt>
                <c:pt idx="7445">
                  <c:v>74450</c:v>
                </c:pt>
                <c:pt idx="7446">
                  <c:v>74460</c:v>
                </c:pt>
                <c:pt idx="7447">
                  <c:v>74470</c:v>
                </c:pt>
                <c:pt idx="7448">
                  <c:v>74480</c:v>
                </c:pt>
                <c:pt idx="7449">
                  <c:v>74490</c:v>
                </c:pt>
                <c:pt idx="7450">
                  <c:v>74500</c:v>
                </c:pt>
                <c:pt idx="7451">
                  <c:v>74510</c:v>
                </c:pt>
                <c:pt idx="7452">
                  <c:v>74520</c:v>
                </c:pt>
                <c:pt idx="7453">
                  <c:v>74530</c:v>
                </c:pt>
                <c:pt idx="7454">
                  <c:v>74540</c:v>
                </c:pt>
                <c:pt idx="7455">
                  <c:v>74550</c:v>
                </c:pt>
                <c:pt idx="7456">
                  <c:v>74560</c:v>
                </c:pt>
                <c:pt idx="7457">
                  <c:v>74570</c:v>
                </c:pt>
                <c:pt idx="7458">
                  <c:v>74580</c:v>
                </c:pt>
                <c:pt idx="7459">
                  <c:v>74590</c:v>
                </c:pt>
                <c:pt idx="7460">
                  <c:v>74600</c:v>
                </c:pt>
                <c:pt idx="7461">
                  <c:v>74610</c:v>
                </c:pt>
                <c:pt idx="7462">
                  <c:v>74620</c:v>
                </c:pt>
                <c:pt idx="7463">
                  <c:v>74630</c:v>
                </c:pt>
                <c:pt idx="7464">
                  <c:v>74640</c:v>
                </c:pt>
                <c:pt idx="7465">
                  <c:v>74650</c:v>
                </c:pt>
                <c:pt idx="7466">
                  <c:v>74660</c:v>
                </c:pt>
                <c:pt idx="7467">
                  <c:v>74670</c:v>
                </c:pt>
                <c:pt idx="7468">
                  <c:v>74680</c:v>
                </c:pt>
                <c:pt idx="7469">
                  <c:v>74690</c:v>
                </c:pt>
                <c:pt idx="7470">
                  <c:v>74700</c:v>
                </c:pt>
                <c:pt idx="7471">
                  <c:v>74710</c:v>
                </c:pt>
                <c:pt idx="7472">
                  <c:v>74720</c:v>
                </c:pt>
                <c:pt idx="7473">
                  <c:v>74730</c:v>
                </c:pt>
                <c:pt idx="7474">
                  <c:v>74740</c:v>
                </c:pt>
                <c:pt idx="7475">
                  <c:v>74750</c:v>
                </c:pt>
                <c:pt idx="7476">
                  <c:v>74760</c:v>
                </c:pt>
                <c:pt idx="7477">
                  <c:v>74770</c:v>
                </c:pt>
                <c:pt idx="7478">
                  <c:v>74780</c:v>
                </c:pt>
                <c:pt idx="7479">
                  <c:v>74790</c:v>
                </c:pt>
                <c:pt idx="7480">
                  <c:v>74800</c:v>
                </c:pt>
                <c:pt idx="7481">
                  <c:v>74810</c:v>
                </c:pt>
                <c:pt idx="7482">
                  <c:v>74820</c:v>
                </c:pt>
                <c:pt idx="7483">
                  <c:v>74830</c:v>
                </c:pt>
                <c:pt idx="7484">
                  <c:v>74840</c:v>
                </c:pt>
                <c:pt idx="7485">
                  <c:v>74850</c:v>
                </c:pt>
                <c:pt idx="7486">
                  <c:v>74860</c:v>
                </c:pt>
                <c:pt idx="7487">
                  <c:v>74870</c:v>
                </c:pt>
                <c:pt idx="7488">
                  <c:v>74880</c:v>
                </c:pt>
                <c:pt idx="7489">
                  <c:v>74890</c:v>
                </c:pt>
                <c:pt idx="7490">
                  <c:v>74900</c:v>
                </c:pt>
                <c:pt idx="7491">
                  <c:v>74910</c:v>
                </c:pt>
                <c:pt idx="7492">
                  <c:v>74920</c:v>
                </c:pt>
                <c:pt idx="7493">
                  <c:v>74930</c:v>
                </c:pt>
                <c:pt idx="7494">
                  <c:v>74940</c:v>
                </c:pt>
                <c:pt idx="7495">
                  <c:v>74950</c:v>
                </c:pt>
                <c:pt idx="7496">
                  <c:v>74960</c:v>
                </c:pt>
                <c:pt idx="7497">
                  <c:v>74970</c:v>
                </c:pt>
                <c:pt idx="7498">
                  <c:v>74980</c:v>
                </c:pt>
                <c:pt idx="7499">
                  <c:v>74990</c:v>
                </c:pt>
                <c:pt idx="7500">
                  <c:v>75000</c:v>
                </c:pt>
                <c:pt idx="7501">
                  <c:v>75010</c:v>
                </c:pt>
                <c:pt idx="7502">
                  <c:v>75020</c:v>
                </c:pt>
                <c:pt idx="7503">
                  <c:v>75030</c:v>
                </c:pt>
                <c:pt idx="7504">
                  <c:v>75040</c:v>
                </c:pt>
                <c:pt idx="7505">
                  <c:v>75050</c:v>
                </c:pt>
                <c:pt idx="7506">
                  <c:v>75060</c:v>
                </c:pt>
                <c:pt idx="7507">
                  <c:v>75070</c:v>
                </c:pt>
                <c:pt idx="7508">
                  <c:v>75080</c:v>
                </c:pt>
                <c:pt idx="7509">
                  <c:v>75090</c:v>
                </c:pt>
                <c:pt idx="7510">
                  <c:v>75100</c:v>
                </c:pt>
                <c:pt idx="7511">
                  <c:v>75110</c:v>
                </c:pt>
                <c:pt idx="7512">
                  <c:v>75120</c:v>
                </c:pt>
                <c:pt idx="7513">
                  <c:v>75130</c:v>
                </c:pt>
                <c:pt idx="7514">
                  <c:v>75140</c:v>
                </c:pt>
                <c:pt idx="7515">
                  <c:v>75150</c:v>
                </c:pt>
                <c:pt idx="7516">
                  <c:v>75160</c:v>
                </c:pt>
                <c:pt idx="7517">
                  <c:v>75170</c:v>
                </c:pt>
                <c:pt idx="7518">
                  <c:v>75180</c:v>
                </c:pt>
                <c:pt idx="7519">
                  <c:v>75190</c:v>
                </c:pt>
                <c:pt idx="7520">
                  <c:v>75200</c:v>
                </c:pt>
                <c:pt idx="7521">
                  <c:v>75210</c:v>
                </c:pt>
                <c:pt idx="7522">
                  <c:v>75220</c:v>
                </c:pt>
                <c:pt idx="7523">
                  <c:v>75230</c:v>
                </c:pt>
                <c:pt idx="7524">
                  <c:v>75240</c:v>
                </c:pt>
                <c:pt idx="7525">
                  <c:v>75250</c:v>
                </c:pt>
                <c:pt idx="7526">
                  <c:v>75260</c:v>
                </c:pt>
                <c:pt idx="7527">
                  <c:v>75270</c:v>
                </c:pt>
                <c:pt idx="7528">
                  <c:v>75280</c:v>
                </c:pt>
                <c:pt idx="7529">
                  <c:v>75290</c:v>
                </c:pt>
                <c:pt idx="7530">
                  <c:v>75300</c:v>
                </c:pt>
                <c:pt idx="7531">
                  <c:v>75310</c:v>
                </c:pt>
                <c:pt idx="7532">
                  <c:v>75320</c:v>
                </c:pt>
                <c:pt idx="7533">
                  <c:v>75330</c:v>
                </c:pt>
                <c:pt idx="7534">
                  <c:v>75340</c:v>
                </c:pt>
                <c:pt idx="7535">
                  <c:v>75350</c:v>
                </c:pt>
                <c:pt idx="7536">
                  <c:v>75360</c:v>
                </c:pt>
                <c:pt idx="7537">
                  <c:v>75370</c:v>
                </c:pt>
                <c:pt idx="7538">
                  <c:v>75380</c:v>
                </c:pt>
                <c:pt idx="7539">
                  <c:v>75390</c:v>
                </c:pt>
                <c:pt idx="7540">
                  <c:v>75400</c:v>
                </c:pt>
                <c:pt idx="7541">
                  <c:v>75410</c:v>
                </c:pt>
                <c:pt idx="7542">
                  <c:v>75420</c:v>
                </c:pt>
                <c:pt idx="7543">
                  <c:v>75430</c:v>
                </c:pt>
                <c:pt idx="7544">
                  <c:v>75440</c:v>
                </c:pt>
                <c:pt idx="7545">
                  <c:v>75450</c:v>
                </c:pt>
                <c:pt idx="7546">
                  <c:v>75460</c:v>
                </c:pt>
                <c:pt idx="7547">
                  <c:v>75470</c:v>
                </c:pt>
                <c:pt idx="7548">
                  <c:v>75480</c:v>
                </c:pt>
                <c:pt idx="7549">
                  <c:v>75490</c:v>
                </c:pt>
                <c:pt idx="7550">
                  <c:v>75500</c:v>
                </c:pt>
                <c:pt idx="7551">
                  <c:v>75510</c:v>
                </c:pt>
                <c:pt idx="7552">
                  <c:v>75520</c:v>
                </c:pt>
                <c:pt idx="7553">
                  <c:v>75530</c:v>
                </c:pt>
                <c:pt idx="7554">
                  <c:v>75540</c:v>
                </c:pt>
                <c:pt idx="7555">
                  <c:v>75550</c:v>
                </c:pt>
                <c:pt idx="7556">
                  <c:v>75560</c:v>
                </c:pt>
                <c:pt idx="7557">
                  <c:v>75570</c:v>
                </c:pt>
                <c:pt idx="7558">
                  <c:v>75580</c:v>
                </c:pt>
                <c:pt idx="7559">
                  <c:v>75590</c:v>
                </c:pt>
                <c:pt idx="7560">
                  <c:v>75600</c:v>
                </c:pt>
                <c:pt idx="7561">
                  <c:v>75610</c:v>
                </c:pt>
                <c:pt idx="7562">
                  <c:v>75620</c:v>
                </c:pt>
                <c:pt idx="7563">
                  <c:v>75630</c:v>
                </c:pt>
                <c:pt idx="7564">
                  <c:v>75640</c:v>
                </c:pt>
                <c:pt idx="7565">
                  <c:v>75650</c:v>
                </c:pt>
                <c:pt idx="7566">
                  <c:v>75660</c:v>
                </c:pt>
                <c:pt idx="7567">
                  <c:v>75670</c:v>
                </c:pt>
                <c:pt idx="7568">
                  <c:v>75680</c:v>
                </c:pt>
                <c:pt idx="7569">
                  <c:v>75690</c:v>
                </c:pt>
                <c:pt idx="7570">
                  <c:v>75700</c:v>
                </c:pt>
                <c:pt idx="7571">
                  <c:v>75710</c:v>
                </c:pt>
                <c:pt idx="7572">
                  <c:v>75720</c:v>
                </c:pt>
                <c:pt idx="7573">
                  <c:v>75730</c:v>
                </c:pt>
                <c:pt idx="7574">
                  <c:v>75740</c:v>
                </c:pt>
                <c:pt idx="7575">
                  <c:v>75750</c:v>
                </c:pt>
                <c:pt idx="7576">
                  <c:v>75760</c:v>
                </c:pt>
                <c:pt idx="7577">
                  <c:v>75770</c:v>
                </c:pt>
                <c:pt idx="7578">
                  <c:v>75780</c:v>
                </c:pt>
                <c:pt idx="7579">
                  <c:v>75790</c:v>
                </c:pt>
                <c:pt idx="7580">
                  <c:v>75800</c:v>
                </c:pt>
                <c:pt idx="7581">
                  <c:v>75810</c:v>
                </c:pt>
                <c:pt idx="7582">
                  <c:v>75820</c:v>
                </c:pt>
                <c:pt idx="7583">
                  <c:v>75830</c:v>
                </c:pt>
                <c:pt idx="7584">
                  <c:v>75840</c:v>
                </c:pt>
                <c:pt idx="7585">
                  <c:v>75850</c:v>
                </c:pt>
                <c:pt idx="7586">
                  <c:v>75860</c:v>
                </c:pt>
                <c:pt idx="7587">
                  <c:v>75870</c:v>
                </c:pt>
                <c:pt idx="7588">
                  <c:v>75880</c:v>
                </c:pt>
                <c:pt idx="7589">
                  <c:v>75890</c:v>
                </c:pt>
                <c:pt idx="7590">
                  <c:v>75900</c:v>
                </c:pt>
                <c:pt idx="7591">
                  <c:v>75910</c:v>
                </c:pt>
                <c:pt idx="7592">
                  <c:v>75920</c:v>
                </c:pt>
                <c:pt idx="7593">
                  <c:v>75930</c:v>
                </c:pt>
                <c:pt idx="7594">
                  <c:v>75940</c:v>
                </c:pt>
                <c:pt idx="7595">
                  <c:v>75950</c:v>
                </c:pt>
                <c:pt idx="7596">
                  <c:v>75960</c:v>
                </c:pt>
                <c:pt idx="7597">
                  <c:v>75970</c:v>
                </c:pt>
                <c:pt idx="7598">
                  <c:v>75980</c:v>
                </c:pt>
                <c:pt idx="7599">
                  <c:v>75990</c:v>
                </c:pt>
                <c:pt idx="7600">
                  <c:v>76000</c:v>
                </c:pt>
                <c:pt idx="7601">
                  <c:v>76010</c:v>
                </c:pt>
                <c:pt idx="7602">
                  <c:v>76020</c:v>
                </c:pt>
                <c:pt idx="7603">
                  <c:v>76030</c:v>
                </c:pt>
                <c:pt idx="7604">
                  <c:v>76040</c:v>
                </c:pt>
                <c:pt idx="7605">
                  <c:v>76050</c:v>
                </c:pt>
                <c:pt idx="7606">
                  <c:v>76060</c:v>
                </c:pt>
                <c:pt idx="7607">
                  <c:v>76070</c:v>
                </c:pt>
                <c:pt idx="7608">
                  <c:v>76080</c:v>
                </c:pt>
                <c:pt idx="7609">
                  <c:v>76090</c:v>
                </c:pt>
                <c:pt idx="7610">
                  <c:v>76100</c:v>
                </c:pt>
                <c:pt idx="7611">
                  <c:v>76110</c:v>
                </c:pt>
                <c:pt idx="7612">
                  <c:v>76120</c:v>
                </c:pt>
                <c:pt idx="7613">
                  <c:v>76130</c:v>
                </c:pt>
                <c:pt idx="7614">
                  <c:v>76140</c:v>
                </c:pt>
                <c:pt idx="7615">
                  <c:v>76150</c:v>
                </c:pt>
                <c:pt idx="7616">
                  <c:v>76160</c:v>
                </c:pt>
                <c:pt idx="7617">
                  <c:v>76170</c:v>
                </c:pt>
                <c:pt idx="7618">
                  <c:v>76180</c:v>
                </c:pt>
                <c:pt idx="7619">
                  <c:v>76190</c:v>
                </c:pt>
                <c:pt idx="7620">
                  <c:v>76200</c:v>
                </c:pt>
                <c:pt idx="7621">
                  <c:v>76210</c:v>
                </c:pt>
                <c:pt idx="7622">
                  <c:v>76220</c:v>
                </c:pt>
                <c:pt idx="7623">
                  <c:v>76230</c:v>
                </c:pt>
                <c:pt idx="7624">
                  <c:v>76240</c:v>
                </c:pt>
                <c:pt idx="7625">
                  <c:v>76250</c:v>
                </c:pt>
                <c:pt idx="7626">
                  <c:v>76260</c:v>
                </c:pt>
                <c:pt idx="7627">
                  <c:v>76270</c:v>
                </c:pt>
                <c:pt idx="7628">
                  <c:v>76280</c:v>
                </c:pt>
                <c:pt idx="7629">
                  <c:v>76290</c:v>
                </c:pt>
                <c:pt idx="7630">
                  <c:v>76300</c:v>
                </c:pt>
                <c:pt idx="7631">
                  <c:v>76310</c:v>
                </c:pt>
                <c:pt idx="7632">
                  <c:v>76320</c:v>
                </c:pt>
                <c:pt idx="7633">
                  <c:v>76330</c:v>
                </c:pt>
                <c:pt idx="7634">
                  <c:v>76340</c:v>
                </c:pt>
                <c:pt idx="7635">
                  <c:v>76350</c:v>
                </c:pt>
                <c:pt idx="7636">
                  <c:v>76360</c:v>
                </c:pt>
                <c:pt idx="7637">
                  <c:v>76370</c:v>
                </c:pt>
                <c:pt idx="7638">
                  <c:v>76380</c:v>
                </c:pt>
                <c:pt idx="7639">
                  <c:v>76390</c:v>
                </c:pt>
                <c:pt idx="7640">
                  <c:v>76400</c:v>
                </c:pt>
                <c:pt idx="7641">
                  <c:v>76410</c:v>
                </c:pt>
                <c:pt idx="7642">
                  <c:v>76420</c:v>
                </c:pt>
                <c:pt idx="7643">
                  <c:v>76430</c:v>
                </c:pt>
                <c:pt idx="7644">
                  <c:v>76440</c:v>
                </c:pt>
                <c:pt idx="7645">
                  <c:v>76450</c:v>
                </c:pt>
                <c:pt idx="7646">
                  <c:v>76460</c:v>
                </c:pt>
                <c:pt idx="7647">
                  <c:v>76470</c:v>
                </c:pt>
                <c:pt idx="7648">
                  <c:v>76480</c:v>
                </c:pt>
                <c:pt idx="7649">
                  <c:v>76490</c:v>
                </c:pt>
                <c:pt idx="7650">
                  <c:v>76500</c:v>
                </c:pt>
                <c:pt idx="7651">
                  <c:v>76510</c:v>
                </c:pt>
                <c:pt idx="7652">
                  <c:v>76520</c:v>
                </c:pt>
                <c:pt idx="7653">
                  <c:v>76530</c:v>
                </c:pt>
                <c:pt idx="7654">
                  <c:v>76540</c:v>
                </c:pt>
                <c:pt idx="7655">
                  <c:v>76550</c:v>
                </c:pt>
                <c:pt idx="7656">
                  <c:v>76560</c:v>
                </c:pt>
                <c:pt idx="7657">
                  <c:v>76570</c:v>
                </c:pt>
                <c:pt idx="7658">
                  <c:v>76580</c:v>
                </c:pt>
                <c:pt idx="7659">
                  <c:v>76590</c:v>
                </c:pt>
                <c:pt idx="7660">
                  <c:v>76600</c:v>
                </c:pt>
                <c:pt idx="7661">
                  <c:v>76610</c:v>
                </c:pt>
                <c:pt idx="7662">
                  <c:v>76620</c:v>
                </c:pt>
                <c:pt idx="7663">
                  <c:v>76630</c:v>
                </c:pt>
                <c:pt idx="7664">
                  <c:v>76640</c:v>
                </c:pt>
                <c:pt idx="7665">
                  <c:v>76650</c:v>
                </c:pt>
                <c:pt idx="7666">
                  <c:v>76660</c:v>
                </c:pt>
                <c:pt idx="7667">
                  <c:v>76670</c:v>
                </c:pt>
                <c:pt idx="7668">
                  <c:v>76680</c:v>
                </c:pt>
                <c:pt idx="7669">
                  <c:v>76690</c:v>
                </c:pt>
                <c:pt idx="7670">
                  <c:v>76700</c:v>
                </c:pt>
                <c:pt idx="7671">
                  <c:v>76710</c:v>
                </c:pt>
                <c:pt idx="7672">
                  <c:v>76720</c:v>
                </c:pt>
                <c:pt idx="7673">
                  <c:v>76730</c:v>
                </c:pt>
                <c:pt idx="7674">
                  <c:v>76740</c:v>
                </c:pt>
                <c:pt idx="7675">
                  <c:v>76750</c:v>
                </c:pt>
                <c:pt idx="7676">
                  <c:v>76760</c:v>
                </c:pt>
                <c:pt idx="7677">
                  <c:v>76770</c:v>
                </c:pt>
                <c:pt idx="7678">
                  <c:v>76780</c:v>
                </c:pt>
                <c:pt idx="7679">
                  <c:v>76790</c:v>
                </c:pt>
                <c:pt idx="7680">
                  <c:v>76800</c:v>
                </c:pt>
                <c:pt idx="7681">
                  <c:v>76810</c:v>
                </c:pt>
                <c:pt idx="7682">
                  <c:v>76820</c:v>
                </c:pt>
                <c:pt idx="7683">
                  <c:v>76830</c:v>
                </c:pt>
                <c:pt idx="7684">
                  <c:v>76840</c:v>
                </c:pt>
                <c:pt idx="7685">
                  <c:v>76850</c:v>
                </c:pt>
                <c:pt idx="7686">
                  <c:v>76860</c:v>
                </c:pt>
                <c:pt idx="7687">
                  <c:v>76870</c:v>
                </c:pt>
                <c:pt idx="7688">
                  <c:v>76880</c:v>
                </c:pt>
                <c:pt idx="7689">
                  <c:v>76890</c:v>
                </c:pt>
                <c:pt idx="7690">
                  <c:v>76900</c:v>
                </c:pt>
                <c:pt idx="7691">
                  <c:v>76910</c:v>
                </c:pt>
                <c:pt idx="7692">
                  <c:v>76920</c:v>
                </c:pt>
                <c:pt idx="7693">
                  <c:v>76930</c:v>
                </c:pt>
                <c:pt idx="7694">
                  <c:v>76940</c:v>
                </c:pt>
                <c:pt idx="7695">
                  <c:v>76950</c:v>
                </c:pt>
                <c:pt idx="7696">
                  <c:v>76960</c:v>
                </c:pt>
                <c:pt idx="7697">
                  <c:v>76970</c:v>
                </c:pt>
                <c:pt idx="7698">
                  <c:v>76980</c:v>
                </c:pt>
                <c:pt idx="7699">
                  <c:v>76990</c:v>
                </c:pt>
                <c:pt idx="7700">
                  <c:v>77000</c:v>
                </c:pt>
                <c:pt idx="7701">
                  <c:v>77010</c:v>
                </c:pt>
                <c:pt idx="7702">
                  <c:v>77020</c:v>
                </c:pt>
                <c:pt idx="7703">
                  <c:v>77030</c:v>
                </c:pt>
                <c:pt idx="7704">
                  <c:v>77040</c:v>
                </c:pt>
                <c:pt idx="7705">
                  <c:v>77050</c:v>
                </c:pt>
                <c:pt idx="7706">
                  <c:v>77060</c:v>
                </c:pt>
                <c:pt idx="7707">
                  <c:v>77070</c:v>
                </c:pt>
                <c:pt idx="7708">
                  <c:v>77080</c:v>
                </c:pt>
                <c:pt idx="7709">
                  <c:v>77090</c:v>
                </c:pt>
                <c:pt idx="7710">
                  <c:v>77100</c:v>
                </c:pt>
                <c:pt idx="7711">
                  <c:v>77110</c:v>
                </c:pt>
                <c:pt idx="7712">
                  <c:v>77120</c:v>
                </c:pt>
                <c:pt idx="7713">
                  <c:v>77130</c:v>
                </c:pt>
                <c:pt idx="7714">
                  <c:v>77140</c:v>
                </c:pt>
                <c:pt idx="7715">
                  <c:v>77150</c:v>
                </c:pt>
                <c:pt idx="7716">
                  <c:v>77160</c:v>
                </c:pt>
                <c:pt idx="7717">
                  <c:v>77170</c:v>
                </c:pt>
                <c:pt idx="7718">
                  <c:v>77180</c:v>
                </c:pt>
                <c:pt idx="7719">
                  <c:v>77190</c:v>
                </c:pt>
                <c:pt idx="7720">
                  <c:v>77200</c:v>
                </c:pt>
                <c:pt idx="7721">
                  <c:v>77210</c:v>
                </c:pt>
                <c:pt idx="7722">
                  <c:v>77220</c:v>
                </c:pt>
                <c:pt idx="7723">
                  <c:v>77230</c:v>
                </c:pt>
                <c:pt idx="7724">
                  <c:v>77240</c:v>
                </c:pt>
                <c:pt idx="7725">
                  <c:v>77250</c:v>
                </c:pt>
                <c:pt idx="7726">
                  <c:v>77260</c:v>
                </c:pt>
                <c:pt idx="7727">
                  <c:v>77270</c:v>
                </c:pt>
                <c:pt idx="7728">
                  <c:v>77280</c:v>
                </c:pt>
                <c:pt idx="7729">
                  <c:v>77290</c:v>
                </c:pt>
                <c:pt idx="7730">
                  <c:v>77300</c:v>
                </c:pt>
                <c:pt idx="7731">
                  <c:v>77310</c:v>
                </c:pt>
                <c:pt idx="7732">
                  <c:v>77320</c:v>
                </c:pt>
                <c:pt idx="7733">
                  <c:v>77330</c:v>
                </c:pt>
                <c:pt idx="7734">
                  <c:v>77340</c:v>
                </c:pt>
                <c:pt idx="7735">
                  <c:v>77350</c:v>
                </c:pt>
                <c:pt idx="7736">
                  <c:v>77360</c:v>
                </c:pt>
                <c:pt idx="7737">
                  <c:v>77370</c:v>
                </c:pt>
                <c:pt idx="7738">
                  <c:v>77380</c:v>
                </c:pt>
                <c:pt idx="7739">
                  <c:v>77390</c:v>
                </c:pt>
                <c:pt idx="7740">
                  <c:v>77400</c:v>
                </c:pt>
                <c:pt idx="7741">
                  <c:v>77410</c:v>
                </c:pt>
                <c:pt idx="7742">
                  <c:v>77420</c:v>
                </c:pt>
                <c:pt idx="7743">
                  <c:v>77430</c:v>
                </c:pt>
                <c:pt idx="7744">
                  <c:v>77440</c:v>
                </c:pt>
                <c:pt idx="7745">
                  <c:v>77450</c:v>
                </c:pt>
                <c:pt idx="7746">
                  <c:v>77460</c:v>
                </c:pt>
                <c:pt idx="7747">
                  <c:v>77470</c:v>
                </c:pt>
                <c:pt idx="7748">
                  <c:v>77480</c:v>
                </c:pt>
                <c:pt idx="7749">
                  <c:v>77490</c:v>
                </c:pt>
                <c:pt idx="7750">
                  <c:v>77500</c:v>
                </c:pt>
                <c:pt idx="7751">
                  <c:v>77510</c:v>
                </c:pt>
                <c:pt idx="7752">
                  <c:v>77520</c:v>
                </c:pt>
                <c:pt idx="7753">
                  <c:v>77530</c:v>
                </c:pt>
                <c:pt idx="7754">
                  <c:v>77540</c:v>
                </c:pt>
                <c:pt idx="7755">
                  <c:v>77550</c:v>
                </c:pt>
                <c:pt idx="7756">
                  <c:v>77560</c:v>
                </c:pt>
                <c:pt idx="7757">
                  <c:v>77570</c:v>
                </c:pt>
                <c:pt idx="7758">
                  <c:v>77580</c:v>
                </c:pt>
                <c:pt idx="7759">
                  <c:v>77590</c:v>
                </c:pt>
                <c:pt idx="7760">
                  <c:v>77600</c:v>
                </c:pt>
                <c:pt idx="7761">
                  <c:v>77610</c:v>
                </c:pt>
                <c:pt idx="7762">
                  <c:v>77620</c:v>
                </c:pt>
                <c:pt idx="7763">
                  <c:v>77630</c:v>
                </c:pt>
                <c:pt idx="7764">
                  <c:v>77640</c:v>
                </c:pt>
                <c:pt idx="7765">
                  <c:v>77650</c:v>
                </c:pt>
                <c:pt idx="7766">
                  <c:v>77660</c:v>
                </c:pt>
                <c:pt idx="7767">
                  <c:v>77670</c:v>
                </c:pt>
                <c:pt idx="7768">
                  <c:v>77680</c:v>
                </c:pt>
                <c:pt idx="7769">
                  <c:v>77690</c:v>
                </c:pt>
                <c:pt idx="7770">
                  <c:v>77700</c:v>
                </c:pt>
                <c:pt idx="7771">
                  <c:v>77710</c:v>
                </c:pt>
                <c:pt idx="7772">
                  <c:v>77720</c:v>
                </c:pt>
                <c:pt idx="7773">
                  <c:v>77730</c:v>
                </c:pt>
                <c:pt idx="7774">
                  <c:v>77740</c:v>
                </c:pt>
                <c:pt idx="7775">
                  <c:v>77750</c:v>
                </c:pt>
                <c:pt idx="7776">
                  <c:v>77760</c:v>
                </c:pt>
                <c:pt idx="7777">
                  <c:v>77770</c:v>
                </c:pt>
                <c:pt idx="7778">
                  <c:v>77780</c:v>
                </c:pt>
                <c:pt idx="7779">
                  <c:v>77790</c:v>
                </c:pt>
                <c:pt idx="7780">
                  <c:v>77800</c:v>
                </c:pt>
                <c:pt idx="7781">
                  <c:v>77810</c:v>
                </c:pt>
                <c:pt idx="7782">
                  <c:v>77820</c:v>
                </c:pt>
                <c:pt idx="7783">
                  <c:v>77830</c:v>
                </c:pt>
                <c:pt idx="7784">
                  <c:v>77840</c:v>
                </c:pt>
                <c:pt idx="7785">
                  <c:v>77850</c:v>
                </c:pt>
                <c:pt idx="7786">
                  <c:v>77860</c:v>
                </c:pt>
                <c:pt idx="7787">
                  <c:v>77870</c:v>
                </c:pt>
                <c:pt idx="7788">
                  <c:v>77880</c:v>
                </c:pt>
                <c:pt idx="7789">
                  <c:v>77890</c:v>
                </c:pt>
                <c:pt idx="7790">
                  <c:v>77900</c:v>
                </c:pt>
                <c:pt idx="7791">
                  <c:v>77910</c:v>
                </c:pt>
                <c:pt idx="7792">
                  <c:v>77920</c:v>
                </c:pt>
                <c:pt idx="7793">
                  <c:v>77930</c:v>
                </c:pt>
                <c:pt idx="7794">
                  <c:v>77940</c:v>
                </c:pt>
                <c:pt idx="7795">
                  <c:v>77950</c:v>
                </c:pt>
                <c:pt idx="7796">
                  <c:v>77960</c:v>
                </c:pt>
                <c:pt idx="7797">
                  <c:v>77970</c:v>
                </c:pt>
                <c:pt idx="7798">
                  <c:v>77980</c:v>
                </c:pt>
                <c:pt idx="7799">
                  <c:v>77990</c:v>
                </c:pt>
                <c:pt idx="7800">
                  <c:v>78000</c:v>
                </c:pt>
                <c:pt idx="7801">
                  <c:v>78010</c:v>
                </c:pt>
                <c:pt idx="7802">
                  <c:v>78020</c:v>
                </c:pt>
                <c:pt idx="7803">
                  <c:v>78030</c:v>
                </c:pt>
                <c:pt idx="7804">
                  <c:v>78040</c:v>
                </c:pt>
                <c:pt idx="7805">
                  <c:v>78050</c:v>
                </c:pt>
                <c:pt idx="7806">
                  <c:v>78060</c:v>
                </c:pt>
                <c:pt idx="7807">
                  <c:v>78070</c:v>
                </c:pt>
                <c:pt idx="7808">
                  <c:v>78080</c:v>
                </c:pt>
                <c:pt idx="7809">
                  <c:v>78090</c:v>
                </c:pt>
                <c:pt idx="7810">
                  <c:v>78100</c:v>
                </c:pt>
                <c:pt idx="7811">
                  <c:v>78110</c:v>
                </c:pt>
                <c:pt idx="7812">
                  <c:v>78120</c:v>
                </c:pt>
                <c:pt idx="7813">
                  <c:v>78130</c:v>
                </c:pt>
                <c:pt idx="7814">
                  <c:v>78140</c:v>
                </c:pt>
                <c:pt idx="7815">
                  <c:v>78150</c:v>
                </c:pt>
                <c:pt idx="7816">
                  <c:v>78160</c:v>
                </c:pt>
                <c:pt idx="7817">
                  <c:v>78170</c:v>
                </c:pt>
                <c:pt idx="7818">
                  <c:v>78180</c:v>
                </c:pt>
                <c:pt idx="7819">
                  <c:v>78190</c:v>
                </c:pt>
                <c:pt idx="7820">
                  <c:v>78200</c:v>
                </c:pt>
                <c:pt idx="7821">
                  <c:v>78210</c:v>
                </c:pt>
                <c:pt idx="7822">
                  <c:v>78220</c:v>
                </c:pt>
                <c:pt idx="7823">
                  <c:v>78230</c:v>
                </c:pt>
                <c:pt idx="7824">
                  <c:v>78240</c:v>
                </c:pt>
                <c:pt idx="7825">
                  <c:v>78250</c:v>
                </c:pt>
                <c:pt idx="7826">
                  <c:v>78260</c:v>
                </c:pt>
                <c:pt idx="7827">
                  <c:v>78270</c:v>
                </c:pt>
                <c:pt idx="7828">
                  <c:v>78280</c:v>
                </c:pt>
                <c:pt idx="7829">
                  <c:v>78290</c:v>
                </c:pt>
                <c:pt idx="7830">
                  <c:v>78300</c:v>
                </c:pt>
                <c:pt idx="7831">
                  <c:v>78310</c:v>
                </c:pt>
                <c:pt idx="7832">
                  <c:v>78320</c:v>
                </c:pt>
                <c:pt idx="7833">
                  <c:v>78330</c:v>
                </c:pt>
                <c:pt idx="7834">
                  <c:v>78340</c:v>
                </c:pt>
                <c:pt idx="7835">
                  <c:v>78350</c:v>
                </c:pt>
                <c:pt idx="7836">
                  <c:v>78360</c:v>
                </c:pt>
                <c:pt idx="7837">
                  <c:v>78370</c:v>
                </c:pt>
                <c:pt idx="7838">
                  <c:v>78380</c:v>
                </c:pt>
                <c:pt idx="7839">
                  <c:v>78390</c:v>
                </c:pt>
                <c:pt idx="7840">
                  <c:v>78400</c:v>
                </c:pt>
                <c:pt idx="7841">
                  <c:v>78410</c:v>
                </c:pt>
                <c:pt idx="7842">
                  <c:v>78420</c:v>
                </c:pt>
                <c:pt idx="7843">
                  <c:v>78430</c:v>
                </c:pt>
                <c:pt idx="7844">
                  <c:v>78440</c:v>
                </c:pt>
                <c:pt idx="7845">
                  <c:v>78450</c:v>
                </c:pt>
                <c:pt idx="7846">
                  <c:v>78460</c:v>
                </c:pt>
                <c:pt idx="7847">
                  <c:v>78470</c:v>
                </c:pt>
                <c:pt idx="7848">
                  <c:v>78480</c:v>
                </c:pt>
                <c:pt idx="7849">
                  <c:v>78490</c:v>
                </c:pt>
                <c:pt idx="7850">
                  <c:v>78500</c:v>
                </c:pt>
                <c:pt idx="7851">
                  <c:v>78510</c:v>
                </c:pt>
                <c:pt idx="7852">
                  <c:v>78520</c:v>
                </c:pt>
                <c:pt idx="7853">
                  <c:v>78530</c:v>
                </c:pt>
                <c:pt idx="7854">
                  <c:v>78540</c:v>
                </c:pt>
                <c:pt idx="7855">
                  <c:v>78550</c:v>
                </c:pt>
                <c:pt idx="7856">
                  <c:v>78560</c:v>
                </c:pt>
                <c:pt idx="7857">
                  <c:v>78570</c:v>
                </c:pt>
                <c:pt idx="7858">
                  <c:v>78580</c:v>
                </c:pt>
                <c:pt idx="7859">
                  <c:v>78590</c:v>
                </c:pt>
                <c:pt idx="7860">
                  <c:v>78600</c:v>
                </c:pt>
                <c:pt idx="7861">
                  <c:v>78610</c:v>
                </c:pt>
                <c:pt idx="7862">
                  <c:v>78620</c:v>
                </c:pt>
                <c:pt idx="7863">
                  <c:v>78630</c:v>
                </c:pt>
                <c:pt idx="7864">
                  <c:v>78640</c:v>
                </c:pt>
                <c:pt idx="7865">
                  <c:v>78650</c:v>
                </c:pt>
                <c:pt idx="7866">
                  <c:v>78660</c:v>
                </c:pt>
                <c:pt idx="7867">
                  <c:v>78670</c:v>
                </c:pt>
                <c:pt idx="7868">
                  <c:v>78680</c:v>
                </c:pt>
                <c:pt idx="7869">
                  <c:v>78690</c:v>
                </c:pt>
                <c:pt idx="7870">
                  <c:v>78700</c:v>
                </c:pt>
                <c:pt idx="7871">
                  <c:v>78710</c:v>
                </c:pt>
                <c:pt idx="7872">
                  <c:v>78720</c:v>
                </c:pt>
                <c:pt idx="7873">
                  <c:v>78730</c:v>
                </c:pt>
                <c:pt idx="7874">
                  <c:v>78740</c:v>
                </c:pt>
                <c:pt idx="7875">
                  <c:v>78750</c:v>
                </c:pt>
                <c:pt idx="7876">
                  <c:v>78760</c:v>
                </c:pt>
                <c:pt idx="7877">
                  <c:v>78770</c:v>
                </c:pt>
                <c:pt idx="7878">
                  <c:v>78780</c:v>
                </c:pt>
                <c:pt idx="7879">
                  <c:v>78790</c:v>
                </c:pt>
                <c:pt idx="7880">
                  <c:v>78800</c:v>
                </c:pt>
                <c:pt idx="7881">
                  <c:v>78810</c:v>
                </c:pt>
                <c:pt idx="7882">
                  <c:v>78820</c:v>
                </c:pt>
                <c:pt idx="7883">
                  <c:v>78830</c:v>
                </c:pt>
                <c:pt idx="7884">
                  <c:v>78840</c:v>
                </c:pt>
                <c:pt idx="7885">
                  <c:v>78850</c:v>
                </c:pt>
                <c:pt idx="7886">
                  <c:v>78860</c:v>
                </c:pt>
                <c:pt idx="7887">
                  <c:v>78870</c:v>
                </c:pt>
                <c:pt idx="7888">
                  <c:v>78880</c:v>
                </c:pt>
                <c:pt idx="7889">
                  <c:v>78890</c:v>
                </c:pt>
                <c:pt idx="7890">
                  <c:v>78900</c:v>
                </c:pt>
                <c:pt idx="7891">
                  <c:v>78910</c:v>
                </c:pt>
                <c:pt idx="7892">
                  <c:v>78920</c:v>
                </c:pt>
                <c:pt idx="7893">
                  <c:v>78930</c:v>
                </c:pt>
                <c:pt idx="7894">
                  <c:v>78940</c:v>
                </c:pt>
                <c:pt idx="7895">
                  <c:v>78950</c:v>
                </c:pt>
                <c:pt idx="7896">
                  <c:v>78960</c:v>
                </c:pt>
                <c:pt idx="7897">
                  <c:v>78970</c:v>
                </c:pt>
                <c:pt idx="7898">
                  <c:v>78980</c:v>
                </c:pt>
                <c:pt idx="7899">
                  <c:v>78990</c:v>
                </c:pt>
                <c:pt idx="7900">
                  <c:v>79000</c:v>
                </c:pt>
                <c:pt idx="7901">
                  <c:v>79010</c:v>
                </c:pt>
                <c:pt idx="7902">
                  <c:v>79020</c:v>
                </c:pt>
                <c:pt idx="7903">
                  <c:v>79030</c:v>
                </c:pt>
                <c:pt idx="7904">
                  <c:v>79040</c:v>
                </c:pt>
                <c:pt idx="7905">
                  <c:v>79050</c:v>
                </c:pt>
                <c:pt idx="7906">
                  <c:v>79060</c:v>
                </c:pt>
                <c:pt idx="7907">
                  <c:v>79070</c:v>
                </c:pt>
                <c:pt idx="7908">
                  <c:v>79080</c:v>
                </c:pt>
                <c:pt idx="7909">
                  <c:v>79090</c:v>
                </c:pt>
                <c:pt idx="7910">
                  <c:v>79100</c:v>
                </c:pt>
                <c:pt idx="7911">
                  <c:v>79110</c:v>
                </c:pt>
                <c:pt idx="7912">
                  <c:v>79120</c:v>
                </c:pt>
                <c:pt idx="7913">
                  <c:v>79130</c:v>
                </c:pt>
                <c:pt idx="7914">
                  <c:v>79140</c:v>
                </c:pt>
                <c:pt idx="7915">
                  <c:v>79150</c:v>
                </c:pt>
                <c:pt idx="7916">
                  <c:v>79160</c:v>
                </c:pt>
                <c:pt idx="7917">
                  <c:v>79170</c:v>
                </c:pt>
                <c:pt idx="7918">
                  <c:v>79180</c:v>
                </c:pt>
                <c:pt idx="7919">
                  <c:v>79190</c:v>
                </c:pt>
                <c:pt idx="7920">
                  <c:v>79200</c:v>
                </c:pt>
                <c:pt idx="7921">
                  <c:v>79210</c:v>
                </c:pt>
                <c:pt idx="7922">
                  <c:v>79220</c:v>
                </c:pt>
                <c:pt idx="7923">
                  <c:v>79230</c:v>
                </c:pt>
                <c:pt idx="7924">
                  <c:v>79240</c:v>
                </c:pt>
                <c:pt idx="7925">
                  <c:v>79250</c:v>
                </c:pt>
                <c:pt idx="7926">
                  <c:v>79260</c:v>
                </c:pt>
                <c:pt idx="7927">
                  <c:v>79270</c:v>
                </c:pt>
                <c:pt idx="7928">
                  <c:v>79280</c:v>
                </c:pt>
                <c:pt idx="7929">
                  <c:v>79290</c:v>
                </c:pt>
                <c:pt idx="7930">
                  <c:v>79300</c:v>
                </c:pt>
                <c:pt idx="7931">
                  <c:v>79310</c:v>
                </c:pt>
                <c:pt idx="7932">
                  <c:v>79320</c:v>
                </c:pt>
                <c:pt idx="7933">
                  <c:v>79330</c:v>
                </c:pt>
                <c:pt idx="7934">
                  <c:v>79340</c:v>
                </c:pt>
                <c:pt idx="7935">
                  <c:v>79350</c:v>
                </c:pt>
                <c:pt idx="7936">
                  <c:v>79360</c:v>
                </c:pt>
                <c:pt idx="7937">
                  <c:v>79370</c:v>
                </c:pt>
                <c:pt idx="7938">
                  <c:v>79380</c:v>
                </c:pt>
                <c:pt idx="7939">
                  <c:v>79390</c:v>
                </c:pt>
                <c:pt idx="7940">
                  <c:v>79400</c:v>
                </c:pt>
                <c:pt idx="7941">
                  <c:v>79410</c:v>
                </c:pt>
                <c:pt idx="7942">
                  <c:v>79420</c:v>
                </c:pt>
                <c:pt idx="7943">
                  <c:v>79430</c:v>
                </c:pt>
                <c:pt idx="7944">
                  <c:v>79440</c:v>
                </c:pt>
                <c:pt idx="7945">
                  <c:v>79450</c:v>
                </c:pt>
                <c:pt idx="7946">
                  <c:v>79460</c:v>
                </c:pt>
                <c:pt idx="7947">
                  <c:v>79470</c:v>
                </c:pt>
                <c:pt idx="7948">
                  <c:v>79480</c:v>
                </c:pt>
                <c:pt idx="7949">
                  <c:v>79490</c:v>
                </c:pt>
                <c:pt idx="7950">
                  <c:v>79500</c:v>
                </c:pt>
                <c:pt idx="7951">
                  <c:v>79510</c:v>
                </c:pt>
                <c:pt idx="7952">
                  <c:v>79520</c:v>
                </c:pt>
                <c:pt idx="7953">
                  <c:v>79530</c:v>
                </c:pt>
                <c:pt idx="7954">
                  <c:v>79540</c:v>
                </c:pt>
                <c:pt idx="7955">
                  <c:v>79550</c:v>
                </c:pt>
                <c:pt idx="7956">
                  <c:v>79560</c:v>
                </c:pt>
                <c:pt idx="7957">
                  <c:v>79570</c:v>
                </c:pt>
                <c:pt idx="7958">
                  <c:v>79580</c:v>
                </c:pt>
                <c:pt idx="7959">
                  <c:v>79590</c:v>
                </c:pt>
                <c:pt idx="7960">
                  <c:v>79600</c:v>
                </c:pt>
                <c:pt idx="7961">
                  <c:v>79610</c:v>
                </c:pt>
                <c:pt idx="7962">
                  <c:v>79620</c:v>
                </c:pt>
                <c:pt idx="7963">
                  <c:v>79630</c:v>
                </c:pt>
                <c:pt idx="7964">
                  <c:v>79640</c:v>
                </c:pt>
                <c:pt idx="7965">
                  <c:v>79650</c:v>
                </c:pt>
                <c:pt idx="7966">
                  <c:v>79660</c:v>
                </c:pt>
                <c:pt idx="7967">
                  <c:v>79670</c:v>
                </c:pt>
                <c:pt idx="7968">
                  <c:v>79680</c:v>
                </c:pt>
                <c:pt idx="7969">
                  <c:v>79690</c:v>
                </c:pt>
                <c:pt idx="7970">
                  <c:v>79700</c:v>
                </c:pt>
                <c:pt idx="7971">
                  <c:v>79710</c:v>
                </c:pt>
                <c:pt idx="7972">
                  <c:v>79720</c:v>
                </c:pt>
                <c:pt idx="7973">
                  <c:v>79730</c:v>
                </c:pt>
                <c:pt idx="7974">
                  <c:v>79740</c:v>
                </c:pt>
                <c:pt idx="7975">
                  <c:v>79750</c:v>
                </c:pt>
                <c:pt idx="7976">
                  <c:v>79760</c:v>
                </c:pt>
                <c:pt idx="7977">
                  <c:v>79770</c:v>
                </c:pt>
                <c:pt idx="7978">
                  <c:v>79780</c:v>
                </c:pt>
                <c:pt idx="7979">
                  <c:v>79790</c:v>
                </c:pt>
                <c:pt idx="7980">
                  <c:v>79800</c:v>
                </c:pt>
                <c:pt idx="7981">
                  <c:v>79810</c:v>
                </c:pt>
                <c:pt idx="7982">
                  <c:v>79820</c:v>
                </c:pt>
                <c:pt idx="7983">
                  <c:v>79830</c:v>
                </c:pt>
                <c:pt idx="7984">
                  <c:v>79840</c:v>
                </c:pt>
                <c:pt idx="7985">
                  <c:v>79850</c:v>
                </c:pt>
                <c:pt idx="7986">
                  <c:v>79860</c:v>
                </c:pt>
                <c:pt idx="7987">
                  <c:v>79870</c:v>
                </c:pt>
                <c:pt idx="7988">
                  <c:v>79880</c:v>
                </c:pt>
                <c:pt idx="7989">
                  <c:v>79890</c:v>
                </c:pt>
                <c:pt idx="7990">
                  <c:v>79900</c:v>
                </c:pt>
                <c:pt idx="7991">
                  <c:v>79910</c:v>
                </c:pt>
                <c:pt idx="7992">
                  <c:v>79920</c:v>
                </c:pt>
                <c:pt idx="7993">
                  <c:v>79930</c:v>
                </c:pt>
                <c:pt idx="7994">
                  <c:v>79940</c:v>
                </c:pt>
                <c:pt idx="7995">
                  <c:v>79950</c:v>
                </c:pt>
                <c:pt idx="7996">
                  <c:v>79960</c:v>
                </c:pt>
                <c:pt idx="7997">
                  <c:v>79970</c:v>
                </c:pt>
                <c:pt idx="7998">
                  <c:v>79980</c:v>
                </c:pt>
                <c:pt idx="7999">
                  <c:v>79990</c:v>
                </c:pt>
                <c:pt idx="8000">
                  <c:v>80000</c:v>
                </c:pt>
                <c:pt idx="8001">
                  <c:v>80010</c:v>
                </c:pt>
                <c:pt idx="8002">
                  <c:v>80020</c:v>
                </c:pt>
                <c:pt idx="8003">
                  <c:v>80030</c:v>
                </c:pt>
                <c:pt idx="8004">
                  <c:v>80040</c:v>
                </c:pt>
                <c:pt idx="8005">
                  <c:v>80050</c:v>
                </c:pt>
                <c:pt idx="8006">
                  <c:v>80060</c:v>
                </c:pt>
                <c:pt idx="8007">
                  <c:v>80070</c:v>
                </c:pt>
                <c:pt idx="8008">
                  <c:v>80080</c:v>
                </c:pt>
                <c:pt idx="8009">
                  <c:v>80090</c:v>
                </c:pt>
                <c:pt idx="8010">
                  <c:v>80100</c:v>
                </c:pt>
                <c:pt idx="8011">
                  <c:v>80110</c:v>
                </c:pt>
                <c:pt idx="8012">
                  <c:v>80120</c:v>
                </c:pt>
                <c:pt idx="8013">
                  <c:v>80130</c:v>
                </c:pt>
                <c:pt idx="8014">
                  <c:v>80140</c:v>
                </c:pt>
                <c:pt idx="8015">
                  <c:v>80150</c:v>
                </c:pt>
                <c:pt idx="8016">
                  <c:v>80160</c:v>
                </c:pt>
                <c:pt idx="8017">
                  <c:v>80170</c:v>
                </c:pt>
                <c:pt idx="8018">
                  <c:v>80180</c:v>
                </c:pt>
                <c:pt idx="8019">
                  <c:v>80190</c:v>
                </c:pt>
                <c:pt idx="8020">
                  <c:v>80200</c:v>
                </c:pt>
                <c:pt idx="8021">
                  <c:v>80210</c:v>
                </c:pt>
                <c:pt idx="8022">
                  <c:v>80220</c:v>
                </c:pt>
                <c:pt idx="8023">
                  <c:v>80230</c:v>
                </c:pt>
                <c:pt idx="8024">
                  <c:v>80240</c:v>
                </c:pt>
                <c:pt idx="8025">
                  <c:v>80250</c:v>
                </c:pt>
                <c:pt idx="8026">
                  <c:v>80260</c:v>
                </c:pt>
                <c:pt idx="8027">
                  <c:v>80270</c:v>
                </c:pt>
                <c:pt idx="8028">
                  <c:v>80280</c:v>
                </c:pt>
                <c:pt idx="8029">
                  <c:v>80290</c:v>
                </c:pt>
                <c:pt idx="8030">
                  <c:v>80300</c:v>
                </c:pt>
                <c:pt idx="8031">
                  <c:v>80310</c:v>
                </c:pt>
                <c:pt idx="8032">
                  <c:v>80320</c:v>
                </c:pt>
                <c:pt idx="8033">
                  <c:v>80330</c:v>
                </c:pt>
                <c:pt idx="8034">
                  <c:v>80340</c:v>
                </c:pt>
                <c:pt idx="8035">
                  <c:v>80350</c:v>
                </c:pt>
                <c:pt idx="8036">
                  <c:v>80360</c:v>
                </c:pt>
                <c:pt idx="8037">
                  <c:v>80370</c:v>
                </c:pt>
                <c:pt idx="8038">
                  <c:v>80380</c:v>
                </c:pt>
                <c:pt idx="8039">
                  <c:v>80390</c:v>
                </c:pt>
                <c:pt idx="8040">
                  <c:v>80400</c:v>
                </c:pt>
                <c:pt idx="8041">
                  <c:v>80410</c:v>
                </c:pt>
                <c:pt idx="8042">
                  <c:v>80420</c:v>
                </c:pt>
                <c:pt idx="8043">
                  <c:v>80430</c:v>
                </c:pt>
                <c:pt idx="8044">
                  <c:v>80440</c:v>
                </c:pt>
                <c:pt idx="8045">
                  <c:v>80450</c:v>
                </c:pt>
                <c:pt idx="8046">
                  <c:v>80460</c:v>
                </c:pt>
                <c:pt idx="8047">
                  <c:v>80470</c:v>
                </c:pt>
                <c:pt idx="8048">
                  <c:v>80480</c:v>
                </c:pt>
                <c:pt idx="8049">
                  <c:v>80490</c:v>
                </c:pt>
                <c:pt idx="8050">
                  <c:v>80500</c:v>
                </c:pt>
                <c:pt idx="8051">
                  <c:v>80510</c:v>
                </c:pt>
                <c:pt idx="8052">
                  <c:v>80520</c:v>
                </c:pt>
                <c:pt idx="8053">
                  <c:v>80530</c:v>
                </c:pt>
                <c:pt idx="8054">
                  <c:v>80540</c:v>
                </c:pt>
                <c:pt idx="8055">
                  <c:v>80550</c:v>
                </c:pt>
                <c:pt idx="8056">
                  <c:v>80560</c:v>
                </c:pt>
                <c:pt idx="8057">
                  <c:v>80570</c:v>
                </c:pt>
                <c:pt idx="8058">
                  <c:v>80580</c:v>
                </c:pt>
                <c:pt idx="8059">
                  <c:v>80590</c:v>
                </c:pt>
                <c:pt idx="8060">
                  <c:v>80600</c:v>
                </c:pt>
                <c:pt idx="8061">
                  <c:v>80610</c:v>
                </c:pt>
                <c:pt idx="8062">
                  <c:v>80620</c:v>
                </c:pt>
                <c:pt idx="8063">
                  <c:v>80630</c:v>
                </c:pt>
                <c:pt idx="8064">
                  <c:v>80640</c:v>
                </c:pt>
                <c:pt idx="8065">
                  <c:v>80650</c:v>
                </c:pt>
                <c:pt idx="8066">
                  <c:v>80660</c:v>
                </c:pt>
                <c:pt idx="8067">
                  <c:v>80670</c:v>
                </c:pt>
                <c:pt idx="8068">
                  <c:v>80680</c:v>
                </c:pt>
                <c:pt idx="8069">
                  <c:v>80690</c:v>
                </c:pt>
                <c:pt idx="8070">
                  <c:v>80700</c:v>
                </c:pt>
                <c:pt idx="8071">
                  <c:v>80710</c:v>
                </c:pt>
                <c:pt idx="8072">
                  <c:v>80720</c:v>
                </c:pt>
                <c:pt idx="8073">
                  <c:v>80730</c:v>
                </c:pt>
                <c:pt idx="8074">
                  <c:v>80740</c:v>
                </c:pt>
                <c:pt idx="8075">
                  <c:v>80750</c:v>
                </c:pt>
                <c:pt idx="8076">
                  <c:v>80760</c:v>
                </c:pt>
                <c:pt idx="8077">
                  <c:v>80770</c:v>
                </c:pt>
                <c:pt idx="8078">
                  <c:v>80780</c:v>
                </c:pt>
                <c:pt idx="8079">
                  <c:v>80790</c:v>
                </c:pt>
                <c:pt idx="8080">
                  <c:v>80800</c:v>
                </c:pt>
                <c:pt idx="8081">
                  <c:v>80810</c:v>
                </c:pt>
                <c:pt idx="8082">
                  <c:v>80820</c:v>
                </c:pt>
                <c:pt idx="8083">
                  <c:v>80830</c:v>
                </c:pt>
                <c:pt idx="8084">
                  <c:v>80840</c:v>
                </c:pt>
                <c:pt idx="8085">
                  <c:v>80850</c:v>
                </c:pt>
                <c:pt idx="8086">
                  <c:v>80860</c:v>
                </c:pt>
                <c:pt idx="8087">
                  <c:v>80870</c:v>
                </c:pt>
                <c:pt idx="8088">
                  <c:v>80880</c:v>
                </c:pt>
                <c:pt idx="8089">
                  <c:v>80890</c:v>
                </c:pt>
                <c:pt idx="8090">
                  <c:v>80900</c:v>
                </c:pt>
                <c:pt idx="8091">
                  <c:v>80910</c:v>
                </c:pt>
                <c:pt idx="8092">
                  <c:v>80920</c:v>
                </c:pt>
                <c:pt idx="8093">
                  <c:v>80930</c:v>
                </c:pt>
                <c:pt idx="8094">
                  <c:v>80940</c:v>
                </c:pt>
                <c:pt idx="8095">
                  <c:v>80950</c:v>
                </c:pt>
                <c:pt idx="8096">
                  <c:v>80960</c:v>
                </c:pt>
                <c:pt idx="8097">
                  <c:v>80970</c:v>
                </c:pt>
                <c:pt idx="8098">
                  <c:v>80980</c:v>
                </c:pt>
                <c:pt idx="8099">
                  <c:v>80990</c:v>
                </c:pt>
                <c:pt idx="8100">
                  <c:v>81000</c:v>
                </c:pt>
                <c:pt idx="8101">
                  <c:v>81010</c:v>
                </c:pt>
                <c:pt idx="8102">
                  <c:v>81020</c:v>
                </c:pt>
                <c:pt idx="8103">
                  <c:v>81030</c:v>
                </c:pt>
                <c:pt idx="8104">
                  <c:v>81040</c:v>
                </c:pt>
                <c:pt idx="8105">
                  <c:v>81050</c:v>
                </c:pt>
                <c:pt idx="8106">
                  <c:v>81060</c:v>
                </c:pt>
                <c:pt idx="8107">
                  <c:v>81070</c:v>
                </c:pt>
                <c:pt idx="8108">
                  <c:v>81080</c:v>
                </c:pt>
                <c:pt idx="8109">
                  <c:v>81090</c:v>
                </c:pt>
                <c:pt idx="8110">
                  <c:v>81100</c:v>
                </c:pt>
                <c:pt idx="8111">
                  <c:v>81110</c:v>
                </c:pt>
                <c:pt idx="8112">
                  <c:v>81120</c:v>
                </c:pt>
                <c:pt idx="8113">
                  <c:v>81130</c:v>
                </c:pt>
                <c:pt idx="8114">
                  <c:v>81140</c:v>
                </c:pt>
                <c:pt idx="8115">
                  <c:v>81150</c:v>
                </c:pt>
                <c:pt idx="8116">
                  <c:v>81160</c:v>
                </c:pt>
                <c:pt idx="8117">
                  <c:v>81170</c:v>
                </c:pt>
                <c:pt idx="8118">
                  <c:v>81180</c:v>
                </c:pt>
                <c:pt idx="8119">
                  <c:v>81190</c:v>
                </c:pt>
                <c:pt idx="8120">
                  <c:v>81200</c:v>
                </c:pt>
                <c:pt idx="8121">
                  <c:v>81210</c:v>
                </c:pt>
                <c:pt idx="8122">
                  <c:v>81220</c:v>
                </c:pt>
                <c:pt idx="8123">
                  <c:v>81230</c:v>
                </c:pt>
                <c:pt idx="8124">
                  <c:v>81240</c:v>
                </c:pt>
                <c:pt idx="8125">
                  <c:v>81250</c:v>
                </c:pt>
                <c:pt idx="8126">
                  <c:v>81260</c:v>
                </c:pt>
                <c:pt idx="8127">
                  <c:v>81270</c:v>
                </c:pt>
                <c:pt idx="8128">
                  <c:v>81280</c:v>
                </c:pt>
                <c:pt idx="8129">
                  <c:v>81290</c:v>
                </c:pt>
                <c:pt idx="8130">
                  <c:v>81300</c:v>
                </c:pt>
                <c:pt idx="8131">
                  <c:v>81310</c:v>
                </c:pt>
                <c:pt idx="8132">
                  <c:v>81320</c:v>
                </c:pt>
                <c:pt idx="8133">
                  <c:v>81330</c:v>
                </c:pt>
                <c:pt idx="8134">
                  <c:v>81340</c:v>
                </c:pt>
                <c:pt idx="8135">
                  <c:v>81350</c:v>
                </c:pt>
                <c:pt idx="8136">
                  <c:v>81360</c:v>
                </c:pt>
                <c:pt idx="8137">
                  <c:v>81370</c:v>
                </c:pt>
                <c:pt idx="8138">
                  <c:v>81380</c:v>
                </c:pt>
                <c:pt idx="8139">
                  <c:v>81390</c:v>
                </c:pt>
                <c:pt idx="8140">
                  <c:v>81400</c:v>
                </c:pt>
                <c:pt idx="8141">
                  <c:v>81410</c:v>
                </c:pt>
                <c:pt idx="8142">
                  <c:v>81420</c:v>
                </c:pt>
                <c:pt idx="8143">
                  <c:v>81430</c:v>
                </c:pt>
                <c:pt idx="8144">
                  <c:v>81440</c:v>
                </c:pt>
                <c:pt idx="8145">
                  <c:v>81450</c:v>
                </c:pt>
                <c:pt idx="8146">
                  <c:v>81460</c:v>
                </c:pt>
                <c:pt idx="8147">
                  <c:v>81470</c:v>
                </c:pt>
                <c:pt idx="8148">
                  <c:v>81480</c:v>
                </c:pt>
                <c:pt idx="8149">
                  <c:v>81490</c:v>
                </c:pt>
                <c:pt idx="8150">
                  <c:v>81500</c:v>
                </c:pt>
                <c:pt idx="8151">
                  <c:v>81510</c:v>
                </c:pt>
                <c:pt idx="8152">
                  <c:v>81520</c:v>
                </c:pt>
                <c:pt idx="8153">
                  <c:v>81530</c:v>
                </c:pt>
                <c:pt idx="8154">
                  <c:v>81540</c:v>
                </c:pt>
                <c:pt idx="8155">
                  <c:v>81550</c:v>
                </c:pt>
                <c:pt idx="8156">
                  <c:v>81560</c:v>
                </c:pt>
                <c:pt idx="8157">
                  <c:v>81570</c:v>
                </c:pt>
                <c:pt idx="8158">
                  <c:v>81580</c:v>
                </c:pt>
                <c:pt idx="8159">
                  <c:v>81590</c:v>
                </c:pt>
                <c:pt idx="8160">
                  <c:v>81600</c:v>
                </c:pt>
                <c:pt idx="8161">
                  <c:v>81610</c:v>
                </c:pt>
                <c:pt idx="8162">
                  <c:v>81620</c:v>
                </c:pt>
                <c:pt idx="8163">
                  <c:v>81630</c:v>
                </c:pt>
                <c:pt idx="8164">
                  <c:v>81640</c:v>
                </c:pt>
                <c:pt idx="8165">
                  <c:v>81650</c:v>
                </c:pt>
                <c:pt idx="8166">
                  <c:v>81660</c:v>
                </c:pt>
                <c:pt idx="8167">
                  <c:v>81670</c:v>
                </c:pt>
                <c:pt idx="8168">
                  <c:v>81680</c:v>
                </c:pt>
                <c:pt idx="8169">
                  <c:v>81690</c:v>
                </c:pt>
                <c:pt idx="8170">
                  <c:v>81700</c:v>
                </c:pt>
                <c:pt idx="8171">
                  <c:v>81710</c:v>
                </c:pt>
                <c:pt idx="8172">
                  <c:v>81720</c:v>
                </c:pt>
                <c:pt idx="8173">
                  <c:v>81730</c:v>
                </c:pt>
                <c:pt idx="8174">
                  <c:v>81740</c:v>
                </c:pt>
                <c:pt idx="8175">
                  <c:v>81750</c:v>
                </c:pt>
                <c:pt idx="8176">
                  <c:v>81760</c:v>
                </c:pt>
                <c:pt idx="8177">
                  <c:v>81770</c:v>
                </c:pt>
                <c:pt idx="8178">
                  <c:v>81780</c:v>
                </c:pt>
                <c:pt idx="8179">
                  <c:v>81790</c:v>
                </c:pt>
                <c:pt idx="8180">
                  <c:v>81800</c:v>
                </c:pt>
                <c:pt idx="8181">
                  <c:v>81810</c:v>
                </c:pt>
                <c:pt idx="8182">
                  <c:v>81820</c:v>
                </c:pt>
                <c:pt idx="8183">
                  <c:v>81830</c:v>
                </c:pt>
                <c:pt idx="8184">
                  <c:v>81840</c:v>
                </c:pt>
                <c:pt idx="8185">
                  <c:v>81850</c:v>
                </c:pt>
                <c:pt idx="8186">
                  <c:v>81860</c:v>
                </c:pt>
                <c:pt idx="8187">
                  <c:v>81870</c:v>
                </c:pt>
                <c:pt idx="8188">
                  <c:v>81880</c:v>
                </c:pt>
                <c:pt idx="8189">
                  <c:v>81890</c:v>
                </c:pt>
                <c:pt idx="8190">
                  <c:v>81900</c:v>
                </c:pt>
                <c:pt idx="8191">
                  <c:v>81910</c:v>
                </c:pt>
                <c:pt idx="8192">
                  <c:v>81920</c:v>
                </c:pt>
                <c:pt idx="8193">
                  <c:v>81930</c:v>
                </c:pt>
                <c:pt idx="8194">
                  <c:v>81940</c:v>
                </c:pt>
                <c:pt idx="8195">
                  <c:v>81950</c:v>
                </c:pt>
                <c:pt idx="8196">
                  <c:v>81960</c:v>
                </c:pt>
                <c:pt idx="8197">
                  <c:v>81970</c:v>
                </c:pt>
                <c:pt idx="8198">
                  <c:v>81980</c:v>
                </c:pt>
                <c:pt idx="8199">
                  <c:v>81990</c:v>
                </c:pt>
                <c:pt idx="8200">
                  <c:v>82000</c:v>
                </c:pt>
                <c:pt idx="8201">
                  <c:v>82010</c:v>
                </c:pt>
                <c:pt idx="8202">
                  <c:v>82020</c:v>
                </c:pt>
                <c:pt idx="8203">
                  <c:v>82030</c:v>
                </c:pt>
                <c:pt idx="8204">
                  <c:v>82040</c:v>
                </c:pt>
                <c:pt idx="8205">
                  <c:v>82050</c:v>
                </c:pt>
                <c:pt idx="8206">
                  <c:v>82060</c:v>
                </c:pt>
                <c:pt idx="8207">
                  <c:v>82070</c:v>
                </c:pt>
                <c:pt idx="8208">
                  <c:v>82080</c:v>
                </c:pt>
                <c:pt idx="8209">
                  <c:v>82090</c:v>
                </c:pt>
                <c:pt idx="8210">
                  <c:v>82100</c:v>
                </c:pt>
                <c:pt idx="8211">
                  <c:v>82110</c:v>
                </c:pt>
                <c:pt idx="8212">
                  <c:v>82120</c:v>
                </c:pt>
                <c:pt idx="8213">
                  <c:v>82130</c:v>
                </c:pt>
                <c:pt idx="8214">
                  <c:v>82140</c:v>
                </c:pt>
                <c:pt idx="8215">
                  <c:v>82150</c:v>
                </c:pt>
                <c:pt idx="8216">
                  <c:v>82160</c:v>
                </c:pt>
                <c:pt idx="8217">
                  <c:v>82170</c:v>
                </c:pt>
                <c:pt idx="8218">
                  <c:v>82180</c:v>
                </c:pt>
                <c:pt idx="8219">
                  <c:v>82190</c:v>
                </c:pt>
                <c:pt idx="8220">
                  <c:v>82200</c:v>
                </c:pt>
                <c:pt idx="8221">
                  <c:v>82210</c:v>
                </c:pt>
                <c:pt idx="8222">
                  <c:v>82220</c:v>
                </c:pt>
                <c:pt idx="8223">
                  <c:v>82230</c:v>
                </c:pt>
                <c:pt idx="8224">
                  <c:v>82240</c:v>
                </c:pt>
                <c:pt idx="8225">
                  <c:v>82250</c:v>
                </c:pt>
                <c:pt idx="8226">
                  <c:v>82260</c:v>
                </c:pt>
                <c:pt idx="8227">
                  <c:v>82270</c:v>
                </c:pt>
                <c:pt idx="8228">
                  <c:v>82280</c:v>
                </c:pt>
                <c:pt idx="8229">
                  <c:v>82290</c:v>
                </c:pt>
                <c:pt idx="8230">
                  <c:v>82300</c:v>
                </c:pt>
                <c:pt idx="8231">
                  <c:v>82310</c:v>
                </c:pt>
                <c:pt idx="8232">
                  <c:v>82320</c:v>
                </c:pt>
                <c:pt idx="8233">
                  <c:v>82330</c:v>
                </c:pt>
                <c:pt idx="8234">
                  <c:v>82340</c:v>
                </c:pt>
                <c:pt idx="8235">
                  <c:v>82350</c:v>
                </c:pt>
                <c:pt idx="8236">
                  <c:v>82360</c:v>
                </c:pt>
                <c:pt idx="8237">
                  <c:v>82370</c:v>
                </c:pt>
                <c:pt idx="8238">
                  <c:v>82380</c:v>
                </c:pt>
                <c:pt idx="8239">
                  <c:v>82390</c:v>
                </c:pt>
                <c:pt idx="8240">
                  <c:v>82400</c:v>
                </c:pt>
                <c:pt idx="8241">
                  <c:v>82410</c:v>
                </c:pt>
                <c:pt idx="8242">
                  <c:v>82420</c:v>
                </c:pt>
                <c:pt idx="8243">
                  <c:v>82430</c:v>
                </c:pt>
                <c:pt idx="8244">
                  <c:v>82440</c:v>
                </c:pt>
                <c:pt idx="8245">
                  <c:v>82450</c:v>
                </c:pt>
                <c:pt idx="8246">
                  <c:v>82460</c:v>
                </c:pt>
                <c:pt idx="8247">
                  <c:v>82470</c:v>
                </c:pt>
                <c:pt idx="8248">
                  <c:v>82480</c:v>
                </c:pt>
                <c:pt idx="8249">
                  <c:v>82490</c:v>
                </c:pt>
                <c:pt idx="8250">
                  <c:v>82500</c:v>
                </c:pt>
                <c:pt idx="8251">
                  <c:v>82510</c:v>
                </c:pt>
                <c:pt idx="8252">
                  <c:v>82520</c:v>
                </c:pt>
                <c:pt idx="8253">
                  <c:v>82530</c:v>
                </c:pt>
                <c:pt idx="8254">
                  <c:v>82540</c:v>
                </c:pt>
                <c:pt idx="8255">
                  <c:v>82550</c:v>
                </c:pt>
                <c:pt idx="8256">
                  <c:v>82560</c:v>
                </c:pt>
                <c:pt idx="8257">
                  <c:v>82570</c:v>
                </c:pt>
                <c:pt idx="8258">
                  <c:v>82580</c:v>
                </c:pt>
                <c:pt idx="8259">
                  <c:v>82590</c:v>
                </c:pt>
                <c:pt idx="8260">
                  <c:v>82600</c:v>
                </c:pt>
                <c:pt idx="8261">
                  <c:v>82610</c:v>
                </c:pt>
                <c:pt idx="8262">
                  <c:v>82620</c:v>
                </c:pt>
                <c:pt idx="8263">
                  <c:v>82630</c:v>
                </c:pt>
                <c:pt idx="8264">
                  <c:v>82640</c:v>
                </c:pt>
                <c:pt idx="8265">
                  <c:v>82650</c:v>
                </c:pt>
                <c:pt idx="8266">
                  <c:v>82660</c:v>
                </c:pt>
                <c:pt idx="8267">
                  <c:v>82670</c:v>
                </c:pt>
                <c:pt idx="8268">
                  <c:v>82680</c:v>
                </c:pt>
                <c:pt idx="8269">
                  <c:v>82690</c:v>
                </c:pt>
                <c:pt idx="8270">
                  <c:v>82700</c:v>
                </c:pt>
                <c:pt idx="8271">
                  <c:v>82710</c:v>
                </c:pt>
                <c:pt idx="8272">
                  <c:v>82720</c:v>
                </c:pt>
                <c:pt idx="8273">
                  <c:v>82730</c:v>
                </c:pt>
                <c:pt idx="8274">
                  <c:v>82740</c:v>
                </c:pt>
                <c:pt idx="8275">
                  <c:v>82750</c:v>
                </c:pt>
                <c:pt idx="8276">
                  <c:v>82760</c:v>
                </c:pt>
                <c:pt idx="8277">
                  <c:v>82770</c:v>
                </c:pt>
                <c:pt idx="8278">
                  <c:v>82780</c:v>
                </c:pt>
                <c:pt idx="8279">
                  <c:v>82790</c:v>
                </c:pt>
                <c:pt idx="8280">
                  <c:v>82800</c:v>
                </c:pt>
                <c:pt idx="8281">
                  <c:v>82810</c:v>
                </c:pt>
                <c:pt idx="8282">
                  <c:v>82820</c:v>
                </c:pt>
                <c:pt idx="8283">
                  <c:v>82830</c:v>
                </c:pt>
                <c:pt idx="8284">
                  <c:v>82840</c:v>
                </c:pt>
                <c:pt idx="8285">
                  <c:v>82850</c:v>
                </c:pt>
                <c:pt idx="8286">
                  <c:v>82860</c:v>
                </c:pt>
                <c:pt idx="8287">
                  <c:v>82870</c:v>
                </c:pt>
                <c:pt idx="8288">
                  <c:v>82880</c:v>
                </c:pt>
                <c:pt idx="8289">
                  <c:v>82890</c:v>
                </c:pt>
                <c:pt idx="8290">
                  <c:v>82900</c:v>
                </c:pt>
                <c:pt idx="8291">
                  <c:v>82910</c:v>
                </c:pt>
                <c:pt idx="8292">
                  <c:v>82920</c:v>
                </c:pt>
                <c:pt idx="8293">
                  <c:v>82930</c:v>
                </c:pt>
                <c:pt idx="8294">
                  <c:v>82940</c:v>
                </c:pt>
                <c:pt idx="8295">
                  <c:v>82950</c:v>
                </c:pt>
                <c:pt idx="8296">
                  <c:v>82960</c:v>
                </c:pt>
                <c:pt idx="8297">
                  <c:v>82970</c:v>
                </c:pt>
                <c:pt idx="8298">
                  <c:v>82980</c:v>
                </c:pt>
                <c:pt idx="8299">
                  <c:v>82990</c:v>
                </c:pt>
                <c:pt idx="8300">
                  <c:v>83000</c:v>
                </c:pt>
                <c:pt idx="8301">
                  <c:v>83010</c:v>
                </c:pt>
                <c:pt idx="8302">
                  <c:v>83020</c:v>
                </c:pt>
                <c:pt idx="8303">
                  <c:v>83030</c:v>
                </c:pt>
                <c:pt idx="8304">
                  <c:v>83040</c:v>
                </c:pt>
                <c:pt idx="8305">
                  <c:v>83050</c:v>
                </c:pt>
                <c:pt idx="8306">
                  <c:v>83060</c:v>
                </c:pt>
                <c:pt idx="8307">
                  <c:v>83070</c:v>
                </c:pt>
                <c:pt idx="8308">
                  <c:v>83080</c:v>
                </c:pt>
                <c:pt idx="8309">
                  <c:v>83090</c:v>
                </c:pt>
                <c:pt idx="8310">
                  <c:v>83100</c:v>
                </c:pt>
                <c:pt idx="8311">
                  <c:v>83110</c:v>
                </c:pt>
                <c:pt idx="8312">
                  <c:v>83120</c:v>
                </c:pt>
                <c:pt idx="8313">
                  <c:v>83130</c:v>
                </c:pt>
                <c:pt idx="8314">
                  <c:v>83140</c:v>
                </c:pt>
                <c:pt idx="8315">
                  <c:v>83150</c:v>
                </c:pt>
                <c:pt idx="8316">
                  <c:v>83160</c:v>
                </c:pt>
                <c:pt idx="8317">
                  <c:v>83170</c:v>
                </c:pt>
                <c:pt idx="8318">
                  <c:v>83180</c:v>
                </c:pt>
                <c:pt idx="8319">
                  <c:v>83190</c:v>
                </c:pt>
                <c:pt idx="8320">
                  <c:v>83200</c:v>
                </c:pt>
                <c:pt idx="8321">
                  <c:v>83210</c:v>
                </c:pt>
                <c:pt idx="8322">
                  <c:v>83220</c:v>
                </c:pt>
                <c:pt idx="8323">
                  <c:v>83230</c:v>
                </c:pt>
                <c:pt idx="8324">
                  <c:v>83240</c:v>
                </c:pt>
                <c:pt idx="8325">
                  <c:v>83250</c:v>
                </c:pt>
                <c:pt idx="8326">
                  <c:v>83260</c:v>
                </c:pt>
                <c:pt idx="8327">
                  <c:v>83270</c:v>
                </c:pt>
                <c:pt idx="8328">
                  <c:v>83280</c:v>
                </c:pt>
                <c:pt idx="8329">
                  <c:v>83290</c:v>
                </c:pt>
                <c:pt idx="8330">
                  <c:v>83300</c:v>
                </c:pt>
                <c:pt idx="8331">
                  <c:v>83310</c:v>
                </c:pt>
                <c:pt idx="8332">
                  <c:v>83320</c:v>
                </c:pt>
                <c:pt idx="8333">
                  <c:v>83330</c:v>
                </c:pt>
                <c:pt idx="8334">
                  <c:v>83340</c:v>
                </c:pt>
                <c:pt idx="8335">
                  <c:v>83350</c:v>
                </c:pt>
                <c:pt idx="8336">
                  <c:v>83360</c:v>
                </c:pt>
                <c:pt idx="8337">
                  <c:v>83370</c:v>
                </c:pt>
                <c:pt idx="8338">
                  <c:v>83380</c:v>
                </c:pt>
                <c:pt idx="8339">
                  <c:v>83390</c:v>
                </c:pt>
                <c:pt idx="8340">
                  <c:v>83400</c:v>
                </c:pt>
                <c:pt idx="8341">
                  <c:v>83410</c:v>
                </c:pt>
                <c:pt idx="8342">
                  <c:v>83420</c:v>
                </c:pt>
                <c:pt idx="8343">
                  <c:v>83430</c:v>
                </c:pt>
                <c:pt idx="8344">
                  <c:v>83440</c:v>
                </c:pt>
                <c:pt idx="8345">
                  <c:v>83450</c:v>
                </c:pt>
                <c:pt idx="8346">
                  <c:v>83460</c:v>
                </c:pt>
                <c:pt idx="8347">
                  <c:v>83470</c:v>
                </c:pt>
                <c:pt idx="8348">
                  <c:v>83480</c:v>
                </c:pt>
                <c:pt idx="8349">
                  <c:v>83490</c:v>
                </c:pt>
                <c:pt idx="8350">
                  <c:v>83500</c:v>
                </c:pt>
                <c:pt idx="8351">
                  <c:v>83510</c:v>
                </c:pt>
                <c:pt idx="8352">
                  <c:v>83520</c:v>
                </c:pt>
                <c:pt idx="8353">
                  <c:v>83530</c:v>
                </c:pt>
                <c:pt idx="8354">
                  <c:v>83540</c:v>
                </c:pt>
                <c:pt idx="8355">
                  <c:v>83550</c:v>
                </c:pt>
                <c:pt idx="8356">
                  <c:v>83560</c:v>
                </c:pt>
                <c:pt idx="8357">
                  <c:v>83570</c:v>
                </c:pt>
                <c:pt idx="8358">
                  <c:v>83580</c:v>
                </c:pt>
                <c:pt idx="8359">
                  <c:v>83590</c:v>
                </c:pt>
                <c:pt idx="8360">
                  <c:v>83600</c:v>
                </c:pt>
                <c:pt idx="8361">
                  <c:v>83610</c:v>
                </c:pt>
                <c:pt idx="8362">
                  <c:v>83620</c:v>
                </c:pt>
                <c:pt idx="8363">
                  <c:v>83630</c:v>
                </c:pt>
                <c:pt idx="8364">
                  <c:v>83640</c:v>
                </c:pt>
                <c:pt idx="8365">
                  <c:v>83650</c:v>
                </c:pt>
                <c:pt idx="8366">
                  <c:v>83660</c:v>
                </c:pt>
                <c:pt idx="8367">
                  <c:v>83670</c:v>
                </c:pt>
                <c:pt idx="8368">
                  <c:v>83680</c:v>
                </c:pt>
                <c:pt idx="8369">
                  <c:v>83690</c:v>
                </c:pt>
                <c:pt idx="8370">
                  <c:v>83700</c:v>
                </c:pt>
                <c:pt idx="8371">
                  <c:v>83710</c:v>
                </c:pt>
                <c:pt idx="8372">
                  <c:v>83720</c:v>
                </c:pt>
                <c:pt idx="8373">
                  <c:v>83730</c:v>
                </c:pt>
                <c:pt idx="8374">
                  <c:v>83740</c:v>
                </c:pt>
                <c:pt idx="8375">
                  <c:v>83750</c:v>
                </c:pt>
                <c:pt idx="8376">
                  <c:v>83760</c:v>
                </c:pt>
                <c:pt idx="8377">
                  <c:v>83770</c:v>
                </c:pt>
                <c:pt idx="8378">
                  <c:v>83780</c:v>
                </c:pt>
                <c:pt idx="8379">
                  <c:v>83790</c:v>
                </c:pt>
                <c:pt idx="8380">
                  <c:v>83800</c:v>
                </c:pt>
                <c:pt idx="8381">
                  <c:v>83810</c:v>
                </c:pt>
                <c:pt idx="8382">
                  <c:v>83820</c:v>
                </c:pt>
                <c:pt idx="8383">
                  <c:v>83830</c:v>
                </c:pt>
                <c:pt idx="8384">
                  <c:v>83840</c:v>
                </c:pt>
                <c:pt idx="8385">
                  <c:v>83850</c:v>
                </c:pt>
                <c:pt idx="8386">
                  <c:v>83860</c:v>
                </c:pt>
                <c:pt idx="8387">
                  <c:v>83870</c:v>
                </c:pt>
                <c:pt idx="8388">
                  <c:v>83880</c:v>
                </c:pt>
                <c:pt idx="8389">
                  <c:v>83890</c:v>
                </c:pt>
                <c:pt idx="8390">
                  <c:v>83900</c:v>
                </c:pt>
                <c:pt idx="8391">
                  <c:v>83910</c:v>
                </c:pt>
                <c:pt idx="8392">
                  <c:v>83920</c:v>
                </c:pt>
                <c:pt idx="8393">
                  <c:v>83930</c:v>
                </c:pt>
                <c:pt idx="8394">
                  <c:v>83940</c:v>
                </c:pt>
                <c:pt idx="8395">
                  <c:v>83950</c:v>
                </c:pt>
                <c:pt idx="8396">
                  <c:v>83960</c:v>
                </c:pt>
                <c:pt idx="8397">
                  <c:v>83970</c:v>
                </c:pt>
                <c:pt idx="8398">
                  <c:v>83980</c:v>
                </c:pt>
                <c:pt idx="8399">
                  <c:v>83990</c:v>
                </c:pt>
                <c:pt idx="8400">
                  <c:v>84000</c:v>
                </c:pt>
                <c:pt idx="8401">
                  <c:v>84010</c:v>
                </c:pt>
                <c:pt idx="8402">
                  <c:v>84020</c:v>
                </c:pt>
                <c:pt idx="8403">
                  <c:v>84030</c:v>
                </c:pt>
                <c:pt idx="8404">
                  <c:v>84040</c:v>
                </c:pt>
                <c:pt idx="8405">
                  <c:v>84050</c:v>
                </c:pt>
                <c:pt idx="8406">
                  <c:v>84060</c:v>
                </c:pt>
                <c:pt idx="8407">
                  <c:v>84070</c:v>
                </c:pt>
                <c:pt idx="8408">
                  <c:v>84080</c:v>
                </c:pt>
                <c:pt idx="8409">
                  <c:v>84090</c:v>
                </c:pt>
                <c:pt idx="8410">
                  <c:v>84100</c:v>
                </c:pt>
                <c:pt idx="8411">
                  <c:v>84110</c:v>
                </c:pt>
                <c:pt idx="8412">
                  <c:v>84120</c:v>
                </c:pt>
                <c:pt idx="8413">
                  <c:v>84130</c:v>
                </c:pt>
                <c:pt idx="8414">
                  <c:v>84140</c:v>
                </c:pt>
                <c:pt idx="8415">
                  <c:v>84150</c:v>
                </c:pt>
                <c:pt idx="8416">
                  <c:v>84160</c:v>
                </c:pt>
                <c:pt idx="8417">
                  <c:v>84170</c:v>
                </c:pt>
                <c:pt idx="8418">
                  <c:v>84180</c:v>
                </c:pt>
                <c:pt idx="8419">
                  <c:v>84190</c:v>
                </c:pt>
                <c:pt idx="8420">
                  <c:v>84200</c:v>
                </c:pt>
                <c:pt idx="8421">
                  <c:v>84210</c:v>
                </c:pt>
                <c:pt idx="8422">
                  <c:v>84220</c:v>
                </c:pt>
                <c:pt idx="8423">
                  <c:v>84230</c:v>
                </c:pt>
                <c:pt idx="8424">
                  <c:v>84240</c:v>
                </c:pt>
                <c:pt idx="8425">
                  <c:v>84250</c:v>
                </c:pt>
                <c:pt idx="8426">
                  <c:v>84260</c:v>
                </c:pt>
                <c:pt idx="8427">
                  <c:v>84270</c:v>
                </c:pt>
                <c:pt idx="8428">
                  <c:v>84280</c:v>
                </c:pt>
                <c:pt idx="8429">
                  <c:v>84290</c:v>
                </c:pt>
                <c:pt idx="8430">
                  <c:v>84300</c:v>
                </c:pt>
                <c:pt idx="8431">
                  <c:v>84310</c:v>
                </c:pt>
                <c:pt idx="8432">
                  <c:v>84320</c:v>
                </c:pt>
                <c:pt idx="8433">
                  <c:v>84330</c:v>
                </c:pt>
                <c:pt idx="8434">
                  <c:v>84340</c:v>
                </c:pt>
                <c:pt idx="8435">
                  <c:v>84350</c:v>
                </c:pt>
                <c:pt idx="8436">
                  <c:v>84360</c:v>
                </c:pt>
                <c:pt idx="8437">
                  <c:v>84370</c:v>
                </c:pt>
                <c:pt idx="8438">
                  <c:v>84380</c:v>
                </c:pt>
                <c:pt idx="8439">
                  <c:v>84390</c:v>
                </c:pt>
                <c:pt idx="8440">
                  <c:v>84400</c:v>
                </c:pt>
                <c:pt idx="8441">
                  <c:v>84410</c:v>
                </c:pt>
                <c:pt idx="8442">
                  <c:v>84420</c:v>
                </c:pt>
                <c:pt idx="8443">
                  <c:v>84430</c:v>
                </c:pt>
                <c:pt idx="8444">
                  <c:v>84440</c:v>
                </c:pt>
                <c:pt idx="8445">
                  <c:v>84450</c:v>
                </c:pt>
                <c:pt idx="8446">
                  <c:v>84460</c:v>
                </c:pt>
                <c:pt idx="8447">
                  <c:v>84470</c:v>
                </c:pt>
                <c:pt idx="8448">
                  <c:v>84480</c:v>
                </c:pt>
                <c:pt idx="8449">
                  <c:v>84490</c:v>
                </c:pt>
                <c:pt idx="8450">
                  <c:v>84500</c:v>
                </c:pt>
                <c:pt idx="8451">
                  <c:v>84510</c:v>
                </c:pt>
                <c:pt idx="8452">
                  <c:v>84520</c:v>
                </c:pt>
                <c:pt idx="8453">
                  <c:v>84530</c:v>
                </c:pt>
                <c:pt idx="8454">
                  <c:v>84540</c:v>
                </c:pt>
                <c:pt idx="8455">
                  <c:v>84550</c:v>
                </c:pt>
                <c:pt idx="8456">
                  <c:v>84560</c:v>
                </c:pt>
                <c:pt idx="8457">
                  <c:v>84570</c:v>
                </c:pt>
                <c:pt idx="8458">
                  <c:v>84580</c:v>
                </c:pt>
                <c:pt idx="8459">
                  <c:v>84590</c:v>
                </c:pt>
                <c:pt idx="8460">
                  <c:v>84600</c:v>
                </c:pt>
                <c:pt idx="8461">
                  <c:v>84610</c:v>
                </c:pt>
                <c:pt idx="8462">
                  <c:v>84620</c:v>
                </c:pt>
                <c:pt idx="8463">
                  <c:v>84630</c:v>
                </c:pt>
                <c:pt idx="8464">
                  <c:v>84640</c:v>
                </c:pt>
                <c:pt idx="8465">
                  <c:v>84650</c:v>
                </c:pt>
                <c:pt idx="8466">
                  <c:v>84660</c:v>
                </c:pt>
                <c:pt idx="8467">
                  <c:v>84670</c:v>
                </c:pt>
                <c:pt idx="8468">
                  <c:v>84680</c:v>
                </c:pt>
                <c:pt idx="8469">
                  <c:v>84690</c:v>
                </c:pt>
                <c:pt idx="8470">
                  <c:v>84700</c:v>
                </c:pt>
                <c:pt idx="8471">
                  <c:v>84710</c:v>
                </c:pt>
                <c:pt idx="8472">
                  <c:v>84720</c:v>
                </c:pt>
                <c:pt idx="8473">
                  <c:v>84730</c:v>
                </c:pt>
                <c:pt idx="8474">
                  <c:v>84740</c:v>
                </c:pt>
                <c:pt idx="8475">
                  <c:v>84750</c:v>
                </c:pt>
                <c:pt idx="8476">
                  <c:v>84760</c:v>
                </c:pt>
                <c:pt idx="8477">
                  <c:v>84770</c:v>
                </c:pt>
                <c:pt idx="8478">
                  <c:v>84780</c:v>
                </c:pt>
                <c:pt idx="8479">
                  <c:v>84790</c:v>
                </c:pt>
                <c:pt idx="8480">
                  <c:v>84800</c:v>
                </c:pt>
                <c:pt idx="8481">
                  <c:v>84810</c:v>
                </c:pt>
                <c:pt idx="8482">
                  <c:v>84820</c:v>
                </c:pt>
                <c:pt idx="8483">
                  <c:v>84830</c:v>
                </c:pt>
                <c:pt idx="8484">
                  <c:v>84840</c:v>
                </c:pt>
                <c:pt idx="8485">
                  <c:v>84850</c:v>
                </c:pt>
                <c:pt idx="8486">
                  <c:v>84860</c:v>
                </c:pt>
                <c:pt idx="8487">
                  <c:v>84870</c:v>
                </c:pt>
                <c:pt idx="8488">
                  <c:v>84880</c:v>
                </c:pt>
                <c:pt idx="8489">
                  <c:v>84890</c:v>
                </c:pt>
                <c:pt idx="8490">
                  <c:v>84900</c:v>
                </c:pt>
                <c:pt idx="8491">
                  <c:v>84910</c:v>
                </c:pt>
                <c:pt idx="8492">
                  <c:v>84920</c:v>
                </c:pt>
                <c:pt idx="8493">
                  <c:v>84930</c:v>
                </c:pt>
                <c:pt idx="8494">
                  <c:v>84940</c:v>
                </c:pt>
                <c:pt idx="8495">
                  <c:v>84950</c:v>
                </c:pt>
                <c:pt idx="8496">
                  <c:v>84960</c:v>
                </c:pt>
                <c:pt idx="8497">
                  <c:v>84970</c:v>
                </c:pt>
                <c:pt idx="8498">
                  <c:v>84980</c:v>
                </c:pt>
                <c:pt idx="8499">
                  <c:v>84990</c:v>
                </c:pt>
                <c:pt idx="8500">
                  <c:v>85000</c:v>
                </c:pt>
                <c:pt idx="8501">
                  <c:v>85010</c:v>
                </c:pt>
                <c:pt idx="8502">
                  <c:v>85020</c:v>
                </c:pt>
                <c:pt idx="8503">
                  <c:v>85030</c:v>
                </c:pt>
                <c:pt idx="8504">
                  <c:v>85040</c:v>
                </c:pt>
                <c:pt idx="8505">
                  <c:v>85050</c:v>
                </c:pt>
                <c:pt idx="8506">
                  <c:v>85060</c:v>
                </c:pt>
                <c:pt idx="8507">
                  <c:v>85070</c:v>
                </c:pt>
                <c:pt idx="8508">
                  <c:v>85080</c:v>
                </c:pt>
                <c:pt idx="8509">
                  <c:v>85090</c:v>
                </c:pt>
                <c:pt idx="8510">
                  <c:v>85100</c:v>
                </c:pt>
                <c:pt idx="8511">
                  <c:v>85110</c:v>
                </c:pt>
                <c:pt idx="8512">
                  <c:v>85120</c:v>
                </c:pt>
                <c:pt idx="8513">
                  <c:v>85130</c:v>
                </c:pt>
                <c:pt idx="8514">
                  <c:v>85140</c:v>
                </c:pt>
                <c:pt idx="8515">
                  <c:v>85150</c:v>
                </c:pt>
                <c:pt idx="8516">
                  <c:v>85160</c:v>
                </c:pt>
                <c:pt idx="8517">
                  <c:v>85170</c:v>
                </c:pt>
                <c:pt idx="8518">
                  <c:v>85180</c:v>
                </c:pt>
                <c:pt idx="8519">
                  <c:v>85190</c:v>
                </c:pt>
                <c:pt idx="8520">
                  <c:v>85200</c:v>
                </c:pt>
                <c:pt idx="8521">
                  <c:v>85210</c:v>
                </c:pt>
                <c:pt idx="8522">
                  <c:v>85220</c:v>
                </c:pt>
                <c:pt idx="8523">
                  <c:v>85230</c:v>
                </c:pt>
                <c:pt idx="8524">
                  <c:v>85240</c:v>
                </c:pt>
                <c:pt idx="8525">
                  <c:v>85250</c:v>
                </c:pt>
                <c:pt idx="8526">
                  <c:v>85260</c:v>
                </c:pt>
                <c:pt idx="8527">
                  <c:v>85270</c:v>
                </c:pt>
                <c:pt idx="8528">
                  <c:v>85280</c:v>
                </c:pt>
                <c:pt idx="8529">
                  <c:v>85290</c:v>
                </c:pt>
                <c:pt idx="8530">
                  <c:v>85300</c:v>
                </c:pt>
                <c:pt idx="8531">
                  <c:v>85310</c:v>
                </c:pt>
                <c:pt idx="8532">
                  <c:v>85320</c:v>
                </c:pt>
                <c:pt idx="8533">
                  <c:v>85330</c:v>
                </c:pt>
                <c:pt idx="8534">
                  <c:v>85340</c:v>
                </c:pt>
                <c:pt idx="8535">
                  <c:v>85350</c:v>
                </c:pt>
                <c:pt idx="8536">
                  <c:v>85360</c:v>
                </c:pt>
                <c:pt idx="8537">
                  <c:v>85370</c:v>
                </c:pt>
                <c:pt idx="8538">
                  <c:v>85380</c:v>
                </c:pt>
                <c:pt idx="8539">
                  <c:v>85390</c:v>
                </c:pt>
                <c:pt idx="8540">
                  <c:v>85400</c:v>
                </c:pt>
                <c:pt idx="8541">
                  <c:v>85410</c:v>
                </c:pt>
                <c:pt idx="8542">
                  <c:v>85420</c:v>
                </c:pt>
                <c:pt idx="8543">
                  <c:v>85430</c:v>
                </c:pt>
                <c:pt idx="8544">
                  <c:v>85440</c:v>
                </c:pt>
                <c:pt idx="8545">
                  <c:v>85450</c:v>
                </c:pt>
                <c:pt idx="8546">
                  <c:v>85460</c:v>
                </c:pt>
                <c:pt idx="8547">
                  <c:v>85470</c:v>
                </c:pt>
                <c:pt idx="8548">
                  <c:v>85480</c:v>
                </c:pt>
                <c:pt idx="8549">
                  <c:v>85490</c:v>
                </c:pt>
                <c:pt idx="8550">
                  <c:v>85500</c:v>
                </c:pt>
                <c:pt idx="8551">
                  <c:v>85510</c:v>
                </c:pt>
                <c:pt idx="8552">
                  <c:v>85520</c:v>
                </c:pt>
                <c:pt idx="8553">
                  <c:v>85530</c:v>
                </c:pt>
                <c:pt idx="8554">
                  <c:v>85540</c:v>
                </c:pt>
                <c:pt idx="8555">
                  <c:v>85550</c:v>
                </c:pt>
                <c:pt idx="8556">
                  <c:v>85560</c:v>
                </c:pt>
                <c:pt idx="8557">
                  <c:v>85570</c:v>
                </c:pt>
                <c:pt idx="8558">
                  <c:v>85580</c:v>
                </c:pt>
                <c:pt idx="8559">
                  <c:v>85590</c:v>
                </c:pt>
                <c:pt idx="8560">
                  <c:v>85600</c:v>
                </c:pt>
                <c:pt idx="8561">
                  <c:v>85610</c:v>
                </c:pt>
                <c:pt idx="8562">
                  <c:v>85620</c:v>
                </c:pt>
                <c:pt idx="8563">
                  <c:v>85630</c:v>
                </c:pt>
                <c:pt idx="8564">
                  <c:v>85640</c:v>
                </c:pt>
                <c:pt idx="8565">
                  <c:v>85650</c:v>
                </c:pt>
                <c:pt idx="8566">
                  <c:v>85660</c:v>
                </c:pt>
                <c:pt idx="8567">
                  <c:v>85670</c:v>
                </c:pt>
                <c:pt idx="8568">
                  <c:v>85680</c:v>
                </c:pt>
                <c:pt idx="8569">
                  <c:v>85690</c:v>
                </c:pt>
                <c:pt idx="8570">
                  <c:v>85700</c:v>
                </c:pt>
                <c:pt idx="8571">
                  <c:v>85710</c:v>
                </c:pt>
                <c:pt idx="8572">
                  <c:v>85720</c:v>
                </c:pt>
                <c:pt idx="8573">
                  <c:v>85730</c:v>
                </c:pt>
                <c:pt idx="8574">
                  <c:v>85740</c:v>
                </c:pt>
                <c:pt idx="8575">
                  <c:v>85750</c:v>
                </c:pt>
                <c:pt idx="8576">
                  <c:v>85760</c:v>
                </c:pt>
                <c:pt idx="8577">
                  <c:v>85770</c:v>
                </c:pt>
                <c:pt idx="8578">
                  <c:v>85780</c:v>
                </c:pt>
                <c:pt idx="8579">
                  <c:v>85790</c:v>
                </c:pt>
                <c:pt idx="8580">
                  <c:v>85800</c:v>
                </c:pt>
                <c:pt idx="8581">
                  <c:v>85810</c:v>
                </c:pt>
                <c:pt idx="8582">
                  <c:v>85820</c:v>
                </c:pt>
                <c:pt idx="8583">
                  <c:v>85830</c:v>
                </c:pt>
                <c:pt idx="8584">
                  <c:v>85840</c:v>
                </c:pt>
                <c:pt idx="8585">
                  <c:v>85850</c:v>
                </c:pt>
                <c:pt idx="8586">
                  <c:v>85860</c:v>
                </c:pt>
                <c:pt idx="8587">
                  <c:v>85870</c:v>
                </c:pt>
                <c:pt idx="8588">
                  <c:v>85880</c:v>
                </c:pt>
                <c:pt idx="8589">
                  <c:v>85890</c:v>
                </c:pt>
                <c:pt idx="8590">
                  <c:v>85900</c:v>
                </c:pt>
                <c:pt idx="8591">
                  <c:v>85910</c:v>
                </c:pt>
                <c:pt idx="8592">
                  <c:v>85920</c:v>
                </c:pt>
                <c:pt idx="8593">
                  <c:v>85930</c:v>
                </c:pt>
                <c:pt idx="8594">
                  <c:v>85940</c:v>
                </c:pt>
                <c:pt idx="8595">
                  <c:v>85950</c:v>
                </c:pt>
                <c:pt idx="8596">
                  <c:v>85960</c:v>
                </c:pt>
                <c:pt idx="8597">
                  <c:v>85970</c:v>
                </c:pt>
                <c:pt idx="8598">
                  <c:v>85980</c:v>
                </c:pt>
                <c:pt idx="8599">
                  <c:v>85990</c:v>
                </c:pt>
                <c:pt idx="8600">
                  <c:v>86000</c:v>
                </c:pt>
                <c:pt idx="8601">
                  <c:v>86010</c:v>
                </c:pt>
                <c:pt idx="8602">
                  <c:v>86020</c:v>
                </c:pt>
                <c:pt idx="8603">
                  <c:v>86030</c:v>
                </c:pt>
                <c:pt idx="8604">
                  <c:v>86040</c:v>
                </c:pt>
                <c:pt idx="8605">
                  <c:v>86050</c:v>
                </c:pt>
                <c:pt idx="8606">
                  <c:v>86060</c:v>
                </c:pt>
                <c:pt idx="8607">
                  <c:v>86070</c:v>
                </c:pt>
                <c:pt idx="8608">
                  <c:v>86080</c:v>
                </c:pt>
                <c:pt idx="8609">
                  <c:v>86090</c:v>
                </c:pt>
                <c:pt idx="8610">
                  <c:v>86100</c:v>
                </c:pt>
                <c:pt idx="8611">
                  <c:v>86110</c:v>
                </c:pt>
                <c:pt idx="8612">
                  <c:v>86120</c:v>
                </c:pt>
                <c:pt idx="8613">
                  <c:v>86130</c:v>
                </c:pt>
                <c:pt idx="8614">
                  <c:v>86140</c:v>
                </c:pt>
                <c:pt idx="8615">
                  <c:v>86150</c:v>
                </c:pt>
                <c:pt idx="8616">
                  <c:v>86160</c:v>
                </c:pt>
                <c:pt idx="8617">
                  <c:v>86170</c:v>
                </c:pt>
                <c:pt idx="8618">
                  <c:v>86180</c:v>
                </c:pt>
                <c:pt idx="8619">
                  <c:v>86190</c:v>
                </c:pt>
                <c:pt idx="8620">
                  <c:v>86200</c:v>
                </c:pt>
                <c:pt idx="8621">
                  <c:v>86210</c:v>
                </c:pt>
                <c:pt idx="8622">
                  <c:v>86220</c:v>
                </c:pt>
                <c:pt idx="8623">
                  <c:v>86230</c:v>
                </c:pt>
                <c:pt idx="8624">
                  <c:v>86240</c:v>
                </c:pt>
                <c:pt idx="8625">
                  <c:v>86250</c:v>
                </c:pt>
                <c:pt idx="8626">
                  <c:v>86260</c:v>
                </c:pt>
                <c:pt idx="8627">
                  <c:v>86270</c:v>
                </c:pt>
                <c:pt idx="8628">
                  <c:v>86280</c:v>
                </c:pt>
                <c:pt idx="8629">
                  <c:v>86290</c:v>
                </c:pt>
                <c:pt idx="8630">
                  <c:v>86300</c:v>
                </c:pt>
                <c:pt idx="8631">
                  <c:v>86310</c:v>
                </c:pt>
                <c:pt idx="8632">
                  <c:v>86320</c:v>
                </c:pt>
                <c:pt idx="8633">
                  <c:v>86330</c:v>
                </c:pt>
                <c:pt idx="8634">
                  <c:v>86340</c:v>
                </c:pt>
                <c:pt idx="8635">
                  <c:v>86350</c:v>
                </c:pt>
                <c:pt idx="8636">
                  <c:v>86360</c:v>
                </c:pt>
                <c:pt idx="8637">
                  <c:v>86370</c:v>
                </c:pt>
                <c:pt idx="8638">
                  <c:v>86380</c:v>
                </c:pt>
                <c:pt idx="8639">
                  <c:v>86390</c:v>
                </c:pt>
                <c:pt idx="8640">
                  <c:v>86400</c:v>
                </c:pt>
                <c:pt idx="8641">
                  <c:v>86410</c:v>
                </c:pt>
                <c:pt idx="8642">
                  <c:v>86420</c:v>
                </c:pt>
                <c:pt idx="8643">
                  <c:v>86430</c:v>
                </c:pt>
                <c:pt idx="8644">
                  <c:v>86440</c:v>
                </c:pt>
                <c:pt idx="8645">
                  <c:v>86450</c:v>
                </c:pt>
                <c:pt idx="8646">
                  <c:v>86460</c:v>
                </c:pt>
                <c:pt idx="8647">
                  <c:v>86470</c:v>
                </c:pt>
                <c:pt idx="8648">
                  <c:v>86480</c:v>
                </c:pt>
                <c:pt idx="8649">
                  <c:v>86490</c:v>
                </c:pt>
                <c:pt idx="8650">
                  <c:v>86500</c:v>
                </c:pt>
                <c:pt idx="8651">
                  <c:v>86510</c:v>
                </c:pt>
                <c:pt idx="8652">
                  <c:v>86520</c:v>
                </c:pt>
                <c:pt idx="8653">
                  <c:v>86530</c:v>
                </c:pt>
                <c:pt idx="8654">
                  <c:v>86540</c:v>
                </c:pt>
                <c:pt idx="8655">
                  <c:v>86550</c:v>
                </c:pt>
                <c:pt idx="8656">
                  <c:v>86560</c:v>
                </c:pt>
                <c:pt idx="8657">
                  <c:v>86570</c:v>
                </c:pt>
                <c:pt idx="8658">
                  <c:v>86580</c:v>
                </c:pt>
                <c:pt idx="8659">
                  <c:v>86590</c:v>
                </c:pt>
                <c:pt idx="8660">
                  <c:v>86600</c:v>
                </c:pt>
                <c:pt idx="8661">
                  <c:v>86610</c:v>
                </c:pt>
                <c:pt idx="8662">
                  <c:v>86620</c:v>
                </c:pt>
                <c:pt idx="8663">
                  <c:v>86630</c:v>
                </c:pt>
                <c:pt idx="8664">
                  <c:v>86640</c:v>
                </c:pt>
                <c:pt idx="8665">
                  <c:v>86650</c:v>
                </c:pt>
                <c:pt idx="8666">
                  <c:v>86660</c:v>
                </c:pt>
                <c:pt idx="8667">
                  <c:v>86670</c:v>
                </c:pt>
                <c:pt idx="8668">
                  <c:v>86680</c:v>
                </c:pt>
                <c:pt idx="8669">
                  <c:v>86690</c:v>
                </c:pt>
                <c:pt idx="8670">
                  <c:v>86700</c:v>
                </c:pt>
                <c:pt idx="8671">
                  <c:v>86710</c:v>
                </c:pt>
                <c:pt idx="8672">
                  <c:v>86720</c:v>
                </c:pt>
                <c:pt idx="8673">
                  <c:v>86730</c:v>
                </c:pt>
                <c:pt idx="8674">
                  <c:v>86740</c:v>
                </c:pt>
                <c:pt idx="8675">
                  <c:v>86750</c:v>
                </c:pt>
                <c:pt idx="8676">
                  <c:v>86760</c:v>
                </c:pt>
                <c:pt idx="8677">
                  <c:v>86770</c:v>
                </c:pt>
                <c:pt idx="8678">
                  <c:v>86780</c:v>
                </c:pt>
                <c:pt idx="8679">
                  <c:v>86790</c:v>
                </c:pt>
                <c:pt idx="8680">
                  <c:v>86800</c:v>
                </c:pt>
                <c:pt idx="8681">
                  <c:v>86810</c:v>
                </c:pt>
                <c:pt idx="8682">
                  <c:v>86820</c:v>
                </c:pt>
                <c:pt idx="8683">
                  <c:v>86830</c:v>
                </c:pt>
                <c:pt idx="8684">
                  <c:v>86840</c:v>
                </c:pt>
                <c:pt idx="8685">
                  <c:v>86850</c:v>
                </c:pt>
                <c:pt idx="8686">
                  <c:v>86860</c:v>
                </c:pt>
                <c:pt idx="8687">
                  <c:v>86870</c:v>
                </c:pt>
                <c:pt idx="8688">
                  <c:v>86880</c:v>
                </c:pt>
                <c:pt idx="8689">
                  <c:v>86890</c:v>
                </c:pt>
                <c:pt idx="8690">
                  <c:v>86900</c:v>
                </c:pt>
                <c:pt idx="8691">
                  <c:v>86910</c:v>
                </c:pt>
                <c:pt idx="8692">
                  <c:v>86920</c:v>
                </c:pt>
                <c:pt idx="8693">
                  <c:v>86930</c:v>
                </c:pt>
                <c:pt idx="8694">
                  <c:v>86940</c:v>
                </c:pt>
                <c:pt idx="8695">
                  <c:v>86950</c:v>
                </c:pt>
                <c:pt idx="8696">
                  <c:v>86960</c:v>
                </c:pt>
                <c:pt idx="8697">
                  <c:v>86970</c:v>
                </c:pt>
                <c:pt idx="8698">
                  <c:v>86980</c:v>
                </c:pt>
                <c:pt idx="8699">
                  <c:v>86990</c:v>
                </c:pt>
                <c:pt idx="8700">
                  <c:v>87000</c:v>
                </c:pt>
                <c:pt idx="8701">
                  <c:v>87010</c:v>
                </c:pt>
                <c:pt idx="8702">
                  <c:v>87020</c:v>
                </c:pt>
                <c:pt idx="8703">
                  <c:v>87030</c:v>
                </c:pt>
                <c:pt idx="8704">
                  <c:v>87040</c:v>
                </c:pt>
                <c:pt idx="8705">
                  <c:v>87050</c:v>
                </c:pt>
                <c:pt idx="8706">
                  <c:v>87060</c:v>
                </c:pt>
                <c:pt idx="8707">
                  <c:v>87070</c:v>
                </c:pt>
                <c:pt idx="8708">
                  <c:v>87080</c:v>
                </c:pt>
                <c:pt idx="8709">
                  <c:v>87090</c:v>
                </c:pt>
                <c:pt idx="8710">
                  <c:v>87100</c:v>
                </c:pt>
                <c:pt idx="8711">
                  <c:v>87110</c:v>
                </c:pt>
                <c:pt idx="8712">
                  <c:v>87120</c:v>
                </c:pt>
                <c:pt idx="8713">
                  <c:v>87130</c:v>
                </c:pt>
                <c:pt idx="8714">
                  <c:v>87140</c:v>
                </c:pt>
                <c:pt idx="8715">
                  <c:v>87150</c:v>
                </c:pt>
                <c:pt idx="8716">
                  <c:v>87160</c:v>
                </c:pt>
                <c:pt idx="8717">
                  <c:v>87170</c:v>
                </c:pt>
                <c:pt idx="8718">
                  <c:v>87180</c:v>
                </c:pt>
                <c:pt idx="8719">
                  <c:v>87190</c:v>
                </c:pt>
                <c:pt idx="8720">
                  <c:v>87200</c:v>
                </c:pt>
                <c:pt idx="8721">
                  <c:v>87210</c:v>
                </c:pt>
                <c:pt idx="8722">
                  <c:v>87220</c:v>
                </c:pt>
                <c:pt idx="8723">
                  <c:v>87230</c:v>
                </c:pt>
                <c:pt idx="8724">
                  <c:v>87240</c:v>
                </c:pt>
                <c:pt idx="8725">
                  <c:v>87250</c:v>
                </c:pt>
                <c:pt idx="8726">
                  <c:v>87260</c:v>
                </c:pt>
                <c:pt idx="8727">
                  <c:v>87270</c:v>
                </c:pt>
                <c:pt idx="8728">
                  <c:v>87280</c:v>
                </c:pt>
                <c:pt idx="8729">
                  <c:v>87290</c:v>
                </c:pt>
                <c:pt idx="8730">
                  <c:v>87300</c:v>
                </c:pt>
                <c:pt idx="8731">
                  <c:v>87310</c:v>
                </c:pt>
                <c:pt idx="8732">
                  <c:v>87320</c:v>
                </c:pt>
                <c:pt idx="8733">
                  <c:v>87330</c:v>
                </c:pt>
                <c:pt idx="8734">
                  <c:v>87340</c:v>
                </c:pt>
                <c:pt idx="8735">
                  <c:v>87350</c:v>
                </c:pt>
                <c:pt idx="8736">
                  <c:v>87360</c:v>
                </c:pt>
                <c:pt idx="8737">
                  <c:v>87370</c:v>
                </c:pt>
                <c:pt idx="8738">
                  <c:v>87380</c:v>
                </c:pt>
                <c:pt idx="8739">
                  <c:v>87390</c:v>
                </c:pt>
                <c:pt idx="8740">
                  <c:v>87400</c:v>
                </c:pt>
                <c:pt idx="8741">
                  <c:v>87410</c:v>
                </c:pt>
                <c:pt idx="8742">
                  <c:v>87420</c:v>
                </c:pt>
                <c:pt idx="8743">
                  <c:v>87430</c:v>
                </c:pt>
                <c:pt idx="8744">
                  <c:v>87440</c:v>
                </c:pt>
                <c:pt idx="8745">
                  <c:v>87450</c:v>
                </c:pt>
                <c:pt idx="8746">
                  <c:v>87460</c:v>
                </c:pt>
                <c:pt idx="8747">
                  <c:v>87470</c:v>
                </c:pt>
                <c:pt idx="8748">
                  <c:v>87480</c:v>
                </c:pt>
                <c:pt idx="8749">
                  <c:v>87490</c:v>
                </c:pt>
                <c:pt idx="8750">
                  <c:v>87500</c:v>
                </c:pt>
                <c:pt idx="8751">
                  <c:v>87510</c:v>
                </c:pt>
                <c:pt idx="8752">
                  <c:v>87520</c:v>
                </c:pt>
                <c:pt idx="8753">
                  <c:v>87530</c:v>
                </c:pt>
                <c:pt idx="8754">
                  <c:v>87540</c:v>
                </c:pt>
                <c:pt idx="8755">
                  <c:v>87550</c:v>
                </c:pt>
                <c:pt idx="8756">
                  <c:v>87560</c:v>
                </c:pt>
                <c:pt idx="8757">
                  <c:v>87570</c:v>
                </c:pt>
                <c:pt idx="8758">
                  <c:v>87580</c:v>
                </c:pt>
                <c:pt idx="8759">
                  <c:v>87590</c:v>
                </c:pt>
                <c:pt idx="8760">
                  <c:v>87600</c:v>
                </c:pt>
                <c:pt idx="8761">
                  <c:v>87610</c:v>
                </c:pt>
                <c:pt idx="8762">
                  <c:v>87620</c:v>
                </c:pt>
                <c:pt idx="8763">
                  <c:v>87630</c:v>
                </c:pt>
                <c:pt idx="8764">
                  <c:v>87640</c:v>
                </c:pt>
                <c:pt idx="8765">
                  <c:v>87650</c:v>
                </c:pt>
                <c:pt idx="8766">
                  <c:v>87660</c:v>
                </c:pt>
                <c:pt idx="8767">
                  <c:v>87670</c:v>
                </c:pt>
                <c:pt idx="8768">
                  <c:v>87680</c:v>
                </c:pt>
                <c:pt idx="8769">
                  <c:v>87690</c:v>
                </c:pt>
                <c:pt idx="8770">
                  <c:v>87700</c:v>
                </c:pt>
                <c:pt idx="8771">
                  <c:v>87710</c:v>
                </c:pt>
                <c:pt idx="8772">
                  <c:v>87720</c:v>
                </c:pt>
                <c:pt idx="8773">
                  <c:v>87730</c:v>
                </c:pt>
                <c:pt idx="8774">
                  <c:v>87740</c:v>
                </c:pt>
                <c:pt idx="8775">
                  <c:v>87750</c:v>
                </c:pt>
                <c:pt idx="8776">
                  <c:v>87760</c:v>
                </c:pt>
                <c:pt idx="8777">
                  <c:v>87770</c:v>
                </c:pt>
                <c:pt idx="8778">
                  <c:v>87780</c:v>
                </c:pt>
                <c:pt idx="8779">
                  <c:v>87790</c:v>
                </c:pt>
                <c:pt idx="8780">
                  <c:v>87800</c:v>
                </c:pt>
                <c:pt idx="8781">
                  <c:v>87810</c:v>
                </c:pt>
                <c:pt idx="8782">
                  <c:v>87820</c:v>
                </c:pt>
                <c:pt idx="8783">
                  <c:v>87830</c:v>
                </c:pt>
                <c:pt idx="8784">
                  <c:v>87840</c:v>
                </c:pt>
                <c:pt idx="8785">
                  <c:v>87850</c:v>
                </c:pt>
                <c:pt idx="8786">
                  <c:v>87860</c:v>
                </c:pt>
                <c:pt idx="8787">
                  <c:v>87870</c:v>
                </c:pt>
                <c:pt idx="8788">
                  <c:v>87880</c:v>
                </c:pt>
                <c:pt idx="8789">
                  <c:v>87890</c:v>
                </c:pt>
                <c:pt idx="8790">
                  <c:v>87900</c:v>
                </c:pt>
                <c:pt idx="8791">
                  <c:v>87910</c:v>
                </c:pt>
                <c:pt idx="8792">
                  <c:v>87920</c:v>
                </c:pt>
                <c:pt idx="8793">
                  <c:v>87930</c:v>
                </c:pt>
                <c:pt idx="8794">
                  <c:v>87940</c:v>
                </c:pt>
                <c:pt idx="8795">
                  <c:v>87950</c:v>
                </c:pt>
                <c:pt idx="8796">
                  <c:v>87960</c:v>
                </c:pt>
                <c:pt idx="8797">
                  <c:v>87970</c:v>
                </c:pt>
                <c:pt idx="8798">
                  <c:v>87980</c:v>
                </c:pt>
                <c:pt idx="8799">
                  <c:v>87990</c:v>
                </c:pt>
                <c:pt idx="8800">
                  <c:v>88000</c:v>
                </c:pt>
                <c:pt idx="8801">
                  <c:v>88010</c:v>
                </c:pt>
                <c:pt idx="8802">
                  <c:v>88020</c:v>
                </c:pt>
                <c:pt idx="8803">
                  <c:v>88030</c:v>
                </c:pt>
                <c:pt idx="8804">
                  <c:v>88040</c:v>
                </c:pt>
                <c:pt idx="8805">
                  <c:v>88050</c:v>
                </c:pt>
                <c:pt idx="8806">
                  <c:v>88060</c:v>
                </c:pt>
                <c:pt idx="8807">
                  <c:v>88070</c:v>
                </c:pt>
                <c:pt idx="8808">
                  <c:v>88080</c:v>
                </c:pt>
                <c:pt idx="8809">
                  <c:v>88090</c:v>
                </c:pt>
                <c:pt idx="8810">
                  <c:v>88100</c:v>
                </c:pt>
                <c:pt idx="8811">
                  <c:v>88110</c:v>
                </c:pt>
                <c:pt idx="8812">
                  <c:v>88120</c:v>
                </c:pt>
                <c:pt idx="8813">
                  <c:v>88130</c:v>
                </c:pt>
                <c:pt idx="8814">
                  <c:v>88140</c:v>
                </c:pt>
                <c:pt idx="8815">
                  <c:v>88150</c:v>
                </c:pt>
                <c:pt idx="8816">
                  <c:v>88160</c:v>
                </c:pt>
                <c:pt idx="8817">
                  <c:v>88170</c:v>
                </c:pt>
                <c:pt idx="8818">
                  <c:v>88180</c:v>
                </c:pt>
                <c:pt idx="8819">
                  <c:v>88190</c:v>
                </c:pt>
                <c:pt idx="8820">
                  <c:v>88200</c:v>
                </c:pt>
                <c:pt idx="8821">
                  <c:v>88210</c:v>
                </c:pt>
                <c:pt idx="8822">
                  <c:v>88220</c:v>
                </c:pt>
                <c:pt idx="8823">
                  <c:v>88230</c:v>
                </c:pt>
                <c:pt idx="8824">
                  <c:v>88240</c:v>
                </c:pt>
                <c:pt idx="8825">
                  <c:v>88250</c:v>
                </c:pt>
                <c:pt idx="8826">
                  <c:v>88260</c:v>
                </c:pt>
                <c:pt idx="8827">
                  <c:v>88270</c:v>
                </c:pt>
                <c:pt idx="8828">
                  <c:v>88280</c:v>
                </c:pt>
                <c:pt idx="8829">
                  <c:v>88290</c:v>
                </c:pt>
                <c:pt idx="8830">
                  <c:v>88300</c:v>
                </c:pt>
                <c:pt idx="8831">
                  <c:v>88310</c:v>
                </c:pt>
                <c:pt idx="8832">
                  <c:v>88320</c:v>
                </c:pt>
                <c:pt idx="8833">
                  <c:v>88330</c:v>
                </c:pt>
                <c:pt idx="8834">
                  <c:v>88340</c:v>
                </c:pt>
                <c:pt idx="8835">
                  <c:v>88350</c:v>
                </c:pt>
                <c:pt idx="8836">
                  <c:v>88360</c:v>
                </c:pt>
                <c:pt idx="8837">
                  <c:v>88370</c:v>
                </c:pt>
                <c:pt idx="8838">
                  <c:v>88380</c:v>
                </c:pt>
                <c:pt idx="8839">
                  <c:v>88390</c:v>
                </c:pt>
                <c:pt idx="8840">
                  <c:v>88400</c:v>
                </c:pt>
                <c:pt idx="8841">
                  <c:v>88410</c:v>
                </c:pt>
                <c:pt idx="8842">
                  <c:v>88420</c:v>
                </c:pt>
                <c:pt idx="8843">
                  <c:v>88430</c:v>
                </c:pt>
                <c:pt idx="8844">
                  <c:v>88440</c:v>
                </c:pt>
                <c:pt idx="8845">
                  <c:v>88450</c:v>
                </c:pt>
                <c:pt idx="8846">
                  <c:v>88460</c:v>
                </c:pt>
                <c:pt idx="8847">
                  <c:v>88470</c:v>
                </c:pt>
                <c:pt idx="8848">
                  <c:v>88480</c:v>
                </c:pt>
                <c:pt idx="8849">
                  <c:v>88490</c:v>
                </c:pt>
                <c:pt idx="8850">
                  <c:v>88500</c:v>
                </c:pt>
                <c:pt idx="8851">
                  <c:v>88510</c:v>
                </c:pt>
                <c:pt idx="8852">
                  <c:v>88520</c:v>
                </c:pt>
                <c:pt idx="8853">
                  <c:v>88530</c:v>
                </c:pt>
                <c:pt idx="8854">
                  <c:v>88540</c:v>
                </c:pt>
                <c:pt idx="8855">
                  <c:v>88550</c:v>
                </c:pt>
                <c:pt idx="8856">
                  <c:v>88560</c:v>
                </c:pt>
                <c:pt idx="8857">
                  <c:v>88570</c:v>
                </c:pt>
                <c:pt idx="8858">
                  <c:v>88580</c:v>
                </c:pt>
                <c:pt idx="8859">
                  <c:v>88590</c:v>
                </c:pt>
                <c:pt idx="8860">
                  <c:v>88600</c:v>
                </c:pt>
                <c:pt idx="8861">
                  <c:v>88610</c:v>
                </c:pt>
                <c:pt idx="8862">
                  <c:v>88620</c:v>
                </c:pt>
                <c:pt idx="8863">
                  <c:v>88630</c:v>
                </c:pt>
                <c:pt idx="8864">
                  <c:v>88640</c:v>
                </c:pt>
                <c:pt idx="8865">
                  <c:v>88650</c:v>
                </c:pt>
                <c:pt idx="8866">
                  <c:v>88660</c:v>
                </c:pt>
                <c:pt idx="8867">
                  <c:v>88670</c:v>
                </c:pt>
                <c:pt idx="8868">
                  <c:v>88680</c:v>
                </c:pt>
                <c:pt idx="8869">
                  <c:v>88690</c:v>
                </c:pt>
                <c:pt idx="8870">
                  <c:v>88700</c:v>
                </c:pt>
                <c:pt idx="8871">
                  <c:v>88710</c:v>
                </c:pt>
                <c:pt idx="8872">
                  <c:v>88720</c:v>
                </c:pt>
                <c:pt idx="8873">
                  <c:v>88730</c:v>
                </c:pt>
                <c:pt idx="8874">
                  <c:v>88740</c:v>
                </c:pt>
                <c:pt idx="8875">
                  <c:v>88750</c:v>
                </c:pt>
                <c:pt idx="8876">
                  <c:v>88760</c:v>
                </c:pt>
                <c:pt idx="8877">
                  <c:v>88770</c:v>
                </c:pt>
                <c:pt idx="8878">
                  <c:v>88780</c:v>
                </c:pt>
                <c:pt idx="8879">
                  <c:v>88790</c:v>
                </c:pt>
                <c:pt idx="8880">
                  <c:v>88800</c:v>
                </c:pt>
                <c:pt idx="8881">
                  <c:v>88810</c:v>
                </c:pt>
                <c:pt idx="8882">
                  <c:v>88820</c:v>
                </c:pt>
                <c:pt idx="8883">
                  <c:v>88830</c:v>
                </c:pt>
                <c:pt idx="8884">
                  <c:v>88840</c:v>
                </c:pt>
                <c:pt idx="8885">
                  <c:v>88850</c:v>
                </c:pt>
                <c:pt idx="8886">
                  <c:v>88860</c:v>
                </c:pt>
                <c:pt idx="8887">
                  <c:v>88870</c:v>
                </c:pt>
                <c:pt idx="8888">
                  <c:v>88880</c:v>
                </c:pt>
                <c:pt idx="8889">
                  <c:v>88890</c:v>
                </c:pt>
                <c:pt idx="8890">
                  <c:v>88900</c:v>
                </c:pt>
                <c:pt idx="8891">
                  <c:v>88910</c:v>
                </c:pt>
                <c:pt idx="8892">
                  <c:v>88920</c:v>
                </c:pt>
                <c:pt idx="8893">
                  <c:v>88930</c:v>
                </c:pt>
                <c:pt idx="8894">
                  <c:v>88940</c:v>
                </c:pt>
                <c:pt idx="8895">
                  <c:v>88950</c:v>
                </c:pt>
                <c:pt idx="8896">
                  <c:v>88960</c:v>
                </c:pt>
                <c:pt idx="8897">
                  <c:v>88970</c:v>
                </c:pt>
                <c:pt idx="8898">
                  <c:v>88980</c:v>
                </c:pt>
                <c:pt idx="8899">
                  <c:v>88990</c:v>
                </c:pt>
                <c:pt idx="8900">
                  <c:v>89000</c:v>
                </c:pt>
                <c:pt idx="8901">
                  <c:v>89010</c:v>
                </c:pt>
                <c:pt idx="8902">
                  <c:v>89020</c:v>
                </c:pt>
                <c:pt idx="8903">
                  <c:v>89030</c:v>
                </c:pt>
                <c:pt idx="8904">
                  <c:v>89040</c:v>
                </c:pt>
                <c:pt idx="8905">
                  <c:v>89050</c:v>
                </c:pt>
                <c:pt idx="8906">
                  <c:v>89060</c:v>
                </c:pt>
                <c:pt idx="8907">
                  <c:v>89070</c:v>
                </c:pt>
                <c:pt idx="8908">
                  <c:v>89080</c:v>
                </c:pt>
                <c:pt idx="8909">
                  <c:v>89090</c:v>
                </c:pt>
                <c:pt idx="8910">
                  <c:v>89100</c:v>
                </c:pt>
                <c:pt idx="8911">
                  <c:v>89110</c:v>
                </c:pt>
                <c:pt idx="8912">
                  <c:v>89120</c:v>
                </c:pt>
                <c:pt idx="8913">
                  <c:v>89130</c:v>
                </c:pt>
                <c:pt idx="8914">
                  <c:v>89140</c:v>
                </c:pt>
                <c:pt idx="8915">
                  <c:v>89150</c:v>
                </c:pt>
                <c:pt idx="8916">
                  <c:v>89160</c:v>
                </c:pt>
                <c:pt idx="8917">
                  <c:v>89170</c:v>
                </c:pt>
                <c:pt idx="8918">
                  <c:v>89180</c:v>
                </c:pt>
                <c:pt idx="8919">
                  <c:v>89190</c:v>
                </c:pt>
                <c:pt idx="8920">
                  <c:v>89200</c:v>
                </c:pt>
                <c:pt idx="8921">
                  <c:v>89210</c:v>
                </c:pt>
                <c:pt idx="8922">
                  <c:v>89220</c:v>
                </c:pt>
                <c:pt idx="8923">
                  <c:v>89230</c:v>
                </c:pt>
                <c:pt idx="8924">
                  <c:v>89240</c:v>
                </c:pt>
                <c:pt idx="8925">
                  <c:v>89250</c:v>
                </c:pt>
                <c:pt idx="8926">
                  <c:v>89260</c:v>
                </c:pt>
                <c:pt idx="8927">
                  <c:v>89270</c:v>
                </c:pt>
                <c:pt idx="8928">
                  <c:v>89280</c:v>
                </c:pt>
                <c:pt idx="8929">
                  <c:v>89290</c:v>
                </c:pt>
                <c:pt idx="8930">
                  <c:v>89300</c:v>
                </c:pt>
                <c:pt idx="8931">
                  <c:v>89310</c:v>
                </c:pt>
                <c:pt idx="8932">
                  <c:v>89320</c:v>
                </c:pt>
                <c:pt idx="8933">
                  <c:v>89330</c:v>
                </c:pt>
                <c:pt idx="8934">
                  <c:v>89340</c:v>
                </c:pt>
                <c:pt idx="8935">
                  <c:v>89350</c:v>
                </c:pt>
                <c:pt idx="8936">
                  <c:v>89360</c:v>
                </c:pt>
                <c:pt idx="8937">
                  <c:v>89370</c:v>
                </c:pt>
                <c:pt idx="8938">
                  <c:v>89380</c:v>
                </c:pt>
                <c:pt idx="8939">
                  <c:v>89390</c:v>
                </c:pt>
                <c:pt idx="8940">
                  <c:v>89400</c:v>
                </c:pt>
                <c:pt idx="8941">
                  <c:v>89410</c:v>
                </c:pt>
                <c:pt idx="8942">
                  <c:v>89420</c:v>
                </c:pt>
                <c:pt idx="8943">
                  <c:v>89430</c:v>
                </c:pt>
                <c:pt idx="8944">
                  <c:v>89440</c:v>
                </c:pt>
                <c:pt idx="8945">
                  <c:v>89450</c:v>
                </c:pt>
                <c:pt idx="8946">
                  <c:v>89460</c:v>
                </c:pt>
                <c:pt idx="8947">
                  <c:v>89470</c:v>
                </c:pt>
                <c:pt idx="8948">
                  <c:v>89480</c:v>
                </c:pt>
                <c:pt idx="8949">
                  <c:v>89490</c:v>
                </c:pt>
                <c:pt idx="8950">
                  <c:v>89500</c:v>
                </c:pt>
                <c:pt idx="8951">
                  <c:v>89510</c:v>
                </c:pt>
                <c:pt idx="8952">
                  <c:v>89520</c:v>
                </c:pt>
                <c:pt idx="8953">
                  <c:v>89530</c:v>
                </c:pt>
                <c:pt idx="8954">
                  <c:v>89540</c:v>
                </c:pt>
                <c:pt idx="8955">
                  <c:v>89550</c:v>
                </c:pt>
                <c:pt idx="8956">
                  <c:v>89560</c:v>
                </c:pt>
                <c:pt idx="8957">
                  <c:v>89570</c:v>
                </c:pt>
                <c:pt idx="8958">
                  <c:v>89580</c:v>
                </c:pt>
                <c:pt idx="8959">
                  <c:v>89590</c:v>
                </c:pt>
                <c:pt idx="8960">
                  <c:v>89600</c:v>
                </c:pt>
                <c:pt idx="8961">
                  <c:v>89610</c:v>
                </c:pt>
                <c:pt idx="8962">
                  <c:v>89620</c:v>
                </c:pt>
                <c:pt idx="8963">
                  <c:v>89630</c:v>
                </c:pt>
                <c:pt idx="8964">
                  <c:v>89640</c:v>
                </c:pt>
                <c:pt idx="8965">
                  <c:v>89650</c:v>
                </c:pt>
                <c:pt idx="8966">
                  <c:v>89660</c:v>
                </c:pt>
                <c:pt idx="8967">
                  <c:v>89670</c:v>
                </c:pt>
                <c:pt idx="8968">
                  <c:v>89680</c:v>
                </c:pt>
                <c:pt idx="8969">
                  <c:v>89690</c:v>
                </c:pt>
                <c:pt idx="8970">
                  <c:v>89700</c:v>
                </c:pt>
                <c:pt idx="8971">
                  <c:v>89710</c:v>
                </c:pt>
                <c:pt idx="8972">
                  <c:v>89720</c:v>
                </c:pt>
                <c:pt idx="8973">
                  <c:v>89730</c:v>
                </c:pt>
                <c:pt idx="8974">
                  <c:v>89740</c:v>
                </c:pt>
                <c:pt idx="8975">
                  <c:v>89750</c:v>
                </c:pt>
                <c:pt idx="8976">
                  <c:v>89760</c:v>
                </c:pt>
                <c:pt idx="8977">
                  <c:v>89770</c:v>
                </c:pt>
                <c:pt idx="8978">
                  <c:v>89780</c:v>
                </c:pt>
                <c:pt idx="8979">
                  <c:v>89790</c:v>
                </c:pt>
                <c:pt idx="8980">
                  <c:v>89800</c:v>
                </c:pt>
                <c:pt idx="8981">
                  <c:v>89810</c:v>
                </c:pt>
                <c:pt idx="8982">
                  <c:v>89820</c:v>
                </c:pt>
                <c:pt idx="8983">
                  <c:v>89830</c:v>
                </c:pt>
                <c:pt idx="8984">
                  <c:v>89840</c:v>
                </c:pt>
                <c:pt idx="8985">
                  <c:v>89850</c:v>
                </c:pt>
                <c:pt idx="8986">
                  <c:v>89860</c:v>
                </c:pt>
                <c:pt idx="8987">
                  <c:v>89870</c:v>
                </c:pt>
                <c:pt idx="8988">
                  <c:v>89880</c:v>
                </c:pt>
                <c:pt idx="8989">
                  <c:v>89890</c:v>
                </c:pt>
                <c:pt idx="8990">
                  <c:v>89900</c:v>
                </c:pt>
                <c:pt idx="8991">
                  <c:v>89910</c:v>
                </c:pt>
                <c:pt idx="8992">
                  <c:v>89920</c:v>
                </c:pt>
                <c:pt idx="8993">
                  <c:v>89930</c:v>
                </c:pt>
                <c:pt idx="8994">
                  <c:v>89940</c:v>
                </c:pt>
                <c:pt idx="8995">
                  <c:v>89950</c:v>
                </c:pt>
                <c:pt idx="8996">
                  <c:v>89960</c:v>
                </c:pt>
                <c:pt idx="8997">
                  <c:v>89970</c:v>
                </c:pt>
                <c:pt idx="8998">
                  <c:v>89980</c:v>
                </c:pt>
                <c:pt idx="8999">
                  <c:v>89990</c:v>
                </c:pt>
                <c:pt idx="9000">
                  <c:v>90000</c:v>
                </c:pt>
                <c:pt idx="9001">
                  <c:v>90010</c:v>
                </c:pt>
                <c:pt idx="9002">
                  <c:v>90020</c:v>
                </c:pt>
                <c:pt idx="9003">
                  <c:v>90030</c:v>
                </c:pt>
                <c:pt idx="9004">
                  <c:v>90040</c:v>
                </c:pt>
                <c:pt idx="9005">
                  <c:v>90050</c:v>
                </c:pt>
                <c:pt idx="9006">
                  <c:v>90060</c:v>
                </c:pt>
                <c:pt idx="9007">
                  <c:v>90070</c:v>
                </c:pt>
                <c:pt idx="9008">
                  <c:v>90080</c:v>
                </c:pt>
                <c:pt idx="9009">
                  <c:v>90090</c:v>
                </c:pt>
                <c:pt idx="9010">
                  <c:v>90100</c:v>
                </c:pt>
                <c:pt idx="9011">
                  <c:v>90110</c:v>
                </c:pt>
                <c:pt idx="9012">
                  <c:v>90120</c:v>
                </c:pt>
                <c:pt idx="9013">
                  <c:v>90130</c:v>
                </c:pt>
                <c:pt idx="9014">
                  <c:v>90140</c:v>
                </c:pt>
                <c:pt idx="9015">
                  <c:v>90150</c:v>
                </c:pt>
                <c:pt idx="9016">
                  <c:v>90160</c:v>
                </c:pt>
                <c:pt idx="9017">
                  <c:v>90170</c:v>
                </c:pt>
                <c:pt idx="9018">
                  <c:v>90180</c:v>
                </c:pt>
                <c:pt idx="9019">
                  <c:v>90190</c:v>
                </c:pt>
                <c:pt idx="9020">
                  <c:v>90200</c:v>
                </c:pt>
                <c:pt idx="9021">
                  <c:v>90210</c:v>
                </c:pt>
                <c:pt idx="9022">
                  <c:v>90220</c:v>
                </c:pt>
                <c:pt idx="9023">
                  <c:v>90230</c:v>
                </c:pt>
                <c:pt idx="9024">
                  <c:v>90240</c:v>
                </c:pt>
                <c:pt idx="9025">
                  <c:v>90250</c:v>
                </c:pt>
                <c:pt idx="9026">
                  <c:v>90260</c:v>
                </c:pt>
                <c:pt idx="9027">
                  <c:v>90270</c:v>
                </c:pt>
                <c:pt idx="9028">
                  <c:v>90280</c:v>
                </c:pt>
                <c:pt idx="9029">
                  <c:v>90290</c:v>
                </c:pt>
                <c:pt idx="9030">
                  <c:v>90300</c:v>
                </c:pt>
                <c:pt idx="9031">
                  <c:v>90310</c:v>
                </c:pt>
                <c:pt idx="9032">
                  <c:v>90320</c:v>
                </c:pt>
                <c:pt idx="9033">
                  <c:v>90330</c:v>
                </c:pt>
                <c:pt idx="9034">
                  <c:v>90340</c:v>
                </c:pt>
                <c:pt idx="9035">
                  <c:v>90350</c:v>
                </c:pt>
                <c:pt idx="9036">
                  <c:v>90360</c:v>
                </c:pt>
                <c:pt idx="9037">
                  <c:v>90370</c:v>
                </c:pt>
                <c:pt idx="9038">
                  <c:v>90380</c:v>
                </c:pt>
                <c:pt idx="9039">
                  <c:v>90390</c:v>
                </c:pt>
                <c:pt idx="9040">
                  <c:v>90400</c:v>
                </c:pt>
                <c:pt idx="9041">
                  <c:v>90410</c:v>
                </c:pt>
                <c:pt idx="9042">
                  <c:v>90420</c:v>
                </c:pt>
                <c:pt idx="9043">
                  <c:v>90430</c:v>
                </c:pt>
                <c:pt idx="9044">
                  <c:v>90440</c:v>
                </c:pt>
                <c:pt idx="9045">
                  <c:v>90450</c:v>
                </c:pt>
                <c:pt idx="9046">
                  <c:v>90460</c:v>
                </c:pt>
                <c:pt idx="9047">
                  <c:v>90470</c:v>
                </c:pt>
                <c:pt idx="9048">
                  <c:v>90480</c:v>
                </c:pt>
                <c:pt idx="9049">
                  <c:v>90490</c:v>
                </c:pt>
                <c:pt idx="9050">
                  <c:v>90500</c:v>
                </c:pt>
                <c:pt idx="9051">
                  <c:v>90510</c:v>
                </c:pt>
                <c:pt idx="9052">
                  <c:v>90520</c:v>
                </c:pt>
                <c:pt idx="9053">
                  <c:v>90530</c:v>
                </c:pt>
                <c:pt idx="9054">
                  <c:v>90540</c:v>
                </c:pt>
                <c:pt idx="9055">
                  <c:v>90550</c:v>
                </c:pt>
                <c:pt idx="9056">
                  <c:v>90560</c:v>
                </c:pt>
                <c:pt idx="9057">
                  <c:v>90570</c:v>
                </c:pt>
                <c:pt idx="9058">
                  <c:v>90580</c:v>
                </c:pt>
                <c:pt idx="9059">
                  <c:v>90590</c:v>
                </c:pt>
                <c:pt idx="9060">
                  <c:v>90600</c:v>
                </c:pt>
                <c:pt idx="9061">
                  <c:v>90610</c:v>
                </c:pt>
                <c:pt idx="9062">
                  <c:v>90620</c:v>
                </c:pt>
                <c:pt idx="9063">
                  <c:v>90630</c:v>
                </c:pt>
                <c:pt idx="9064">
                  <c:v>90640</c:v>
                </c:pt>
                <c:pt idx="9065">
                  <c:v>90650</c:v>
                </c:pt>
                <c:pt idx="9066">
                  <c:v>90660</c:v>
                </c:pt>
                <c:pt idx="9067">
                  <c:v>90670</c:v>
                </c:pt>
                <c:pt idx="9068">
                  <c:v>90680</c:v>
                </c:pt>
                <c:pt idx="9069">
                  <c:v>90690</c:v>
                </c:pt>
                <c:pt idx="9070">
                  <c:v>90700</c:v>
                </c:pt>
                <c:pt idx="9071">
                  <c:v>90710</c:v>
                </c:pt>
                <c:pt idx="9072">
                  <c:v>90720</c:v>
                </c:pt>
                <c:pt idx="9073">
                  <c:v>90730</c:v>
                </c:pt>
                <c:pt idx="9074">
                  <c:v>90740</c:v>
                </c:pt>
                <c:pt idx="9075">
                  <c:v>90750</c:v>
                </c:pt>
                <c:pt idx="9076">
                  <c:v>90760</c:v>
                </c:pt>
                <c:pt idx="9077">
                  <c:v>90770</c:v>
                </c:pt>
                <c:pt idx="9078">
                  <c:v>90780</c:v>
                </c:pt>
                <c:pt idx="9079">
                  <c:v>90790</c:v>
                </c:pt>
                <c:pt idx="9080">
                  <c:v>90800</c:v>
                </c:pt>
                <c:pt idx="9081">
                  <c:v>90810</c:v>
                </c:pt>
                <c:pt idx="9082">
                  <c:v>90820</c:v>
                </c:pt>
                <c:pt idx="9083">
                  <c:v>90830</c:v>
                </c:pt>
                <c:pt idx="9084">
                  <c:v>90840</c:v>
                </c:pt>
                <c:pt idx="9085">
                  <c:v>90850</c:v>
                </c:pt>
                <c:pt idx="9086">
                  <c:v>90860</c:v>
                </c:pt>
                <c:pt idx="9087">
                  <c:v>90870</c:v>
                </c:pt>
                <c:pt idx="9088">
                  <c:v>90880</c:v>
                </c:pt>
                <c:pt idx="9089">
                  <c:v>90890</c:v>
                </c:pt>
                <c:pt idx="9090">
                  <c:v>90900</c:v>
                </c:pt>
                <c:pt idx="9091">
                  <c:v>90910</c:v>
                </c:pt>
                <c:pt idx="9092">
                  <c:v>90920</c:v>
                </c:pt>
                <c:pt idx="9093">
                  <c:v>90930</c:v>
                </c:pt>
                <c:pt idx="9094">
                  <c:v>90940</c:v>
                </c:pt>
                <c:pt idx="9095">
                  <c:v>90950</c:v>
                </c:pt>
                <c:pt idx="9096">
                  <c:v>90960</c:v>
                </c:pt>
                <c:pt idx="9097">
                  <c:v>90970</c:v>
                </c:pt>
                <c:pt idx="9098">
                  <c:v>90980</c:v>
                </c:pt>
                <c:pt idx="9099">
                  <c:v>90990</c:v>
                </c:pt>
                <c:pt idx="9100">
                  <c:v>91000</c:v>
                </c:pt>
                <c:pt idx="9101">
                  <c:v>91010</c:v>
                </c:pt>
                <c:pt idx="9102">
                  <c:v>91020</c:v>
                </c:pt>
                <c:pt idx="9103">
                  <c:v>91030</c:v>
                </c:pt>
                <c:pt idx="9104">
                  <c:v>91040</c:v>
                </c:pt>
                <c:pt idx="9105">
                  <c:v>91050</c:v>
                </c:pt>
                <c:pt idx="9106">
                  <c:v>91060</c:v>
                </c:pt>
                <c:pt idx="9107">
                  <c:v>91070</c:v>
                </c:pt>
                <c:pt idx="9108">
                  <c:v>91080</c:v>
                </c:pt>
                <c:pt idx="9109">
                  <c:v>91090</c:v>
                </c:pt>
                <c:pt idx="9110">
                  <c:v>91100</c:v>
                </c:pt>
                <c:pt idx="9111">
                  <c:v>91110</c:v>
                </c:pt>
                <c:pt idx="9112">
                  <c:v>91120</c:v>
                </c:pt>
                <c:pt idx="9113">
                  <c:v>91130</c:v>
                </c:pt>
                <c:pt idx="9114">
                  <c:v>91140</c:v>
                </c:pt>
                <c:pt idx="9115">
                  <c:v>91150</c:v>
                </c:pt>
                <c:pt idx="9116">
                  <c:v>91160</c:v>
                </c:pt>
                <c:pt idx="9117">
                  <c:v>91170</c:v>
                </c:pt>
                <c:pt idx="9118">
                  <c:v>91180</c:v>
                </c:pt>
                <c:pt idx="9119">
                  <c:v>91190</c:v>
                </c:pt>
                <c:pt idx="9120">
                  <c:v>91200</c:v>
                </c:pt>
                <c:pt idx="9121">
                  <c:v>91210</c:v>
                </c:pt>
                <c:pt idx="9122">
                  <c:v>91220</c:v>
                </c:pt>
                <c:pt idx="9123">
                  <c:v>91230</c:v>
                </c:pt>
                <c:pt idx="9124">
                  <c:v>91240</c:v>
                </c:pt>
                <c:pt idx="9125">
                  <c:v>91250</c:v>
                </c:pt>
                <c:pt idx="9126">
                  <c:v>91260</c:v>
                </c:pt>
                <c:pt idx="9127">
                  <c:v>91270</c:v>
                </c:pt>
                <c:pt idx="9128">
                  <c:v>91280</c:v>
                </c:pt>
                <c:pt idx="9129">
                  <c:v>91290</c:v>
                </c:pt>
                <c:pt idx="9130">
                  <c:v>91300</c:v>
                </c:pt>
                <c:pt idx="9131">
                  <c:v>91310</c:v>
                </c:pt>
                <c:pt idx="9132">
                  <c:v>91320</c:v>
                </c:pt>
                <c:pt idx="9133">
                  <c:v>91330</c:v>
                </c:pt>
                <c:pt idx="9134">
                  <c:v>91340</c:v>
                </c:pt>
                <c:pt idx="9135">
                  <c:v>91350</c:v>
                </c:pt>
                <c:pt idx="9136">
                  <c:v>91360</c:v>
                </c:pt>
                <c:pt idx="9137">
                  <c:v>91370</c:v>
                </c:pt>
                <c:pt idx="9138">
                  <c:v>91380</c:v>
                </c:pt>
                <c:pt idx="9139">
                  <c:v>91390</c:v>
                </c:pt>
                <c:pt idx="9140">
                  <c:v>91400</c:v>
                </c:pt>
                <c:pt idx="9141">
                  <c:v>91410</c:v>
                </c:pt>
                <c:pt idx="9142">
                  <c:v>91420</c:v>
                </c:pt>
                <c:pt idx="9143">
                  <c:v>91430</c:v>
                </c:pt>
                <c:pt idx="9144">
                  <c:v>91440</c:v>
                </c:pt>
                <c:pt idx="9145">
                  <c:v>91450</c:v>
                </c:pt>
                <c:pt idx="9146">
                  <c:v>91460</c:v>
                </c:pt>
                <c:pt idx="9147">
                  <c:v>91470</c:v>
                </c:pt>
                <c:pt idx="9148">
                  <c:v>91480</c:v>
                </c:pt>
                <c:pt idx="9149">
                  <c:v>91490</c:v>
                </c:pt>
                <c:pt idx="9150">
                  <c:v>91500</c:v>
                </c:pt>
                <c:pt idx="9151">
                  <c:v>91510</c:v>
                </c:pt>
                <c:pt idx="9152">
                  <c:v>91520</c:v>
                </c:pt>
                <c:pt idx="9153">
                  <c:v>91530</c:v>
                </c:pt>
                <c:pt idx="9154">
                  <c:v>91540</c:v>
                </c:pt>
                <c:pt idx="9155">
                  <c:v>91550</c:v>
                </c:pt>
                <c:pt idx="9156">
                  <c:v>91560</c:v>
                </c:pt>
                <c:pt idx="9157">
                  <c:v>91570</c:v>
                </c:pt>
                <c:pt idx="9158">
                  <c:v>91580</c:v>
                </c:pt>
                <c:pt idx="9159">
                  <c:v>91590</c:v>
                </c:pt>
                <c:pt idx="9160">
                  <c:v>91600</c:v>
                </c:pt>
                <c:pt idx="9161">
                  <c:v>91610</c:v>
                </c:pt>
                <c:pt idx="9162">
                  <c:v>91620</c:v>
                </c:pt>
                <c:pt idx="9163">
                  <c:v>91630</c:v>
                </c:pt>
                <c:pt idx="9164">
                  <c:v>91640</c:v>
                </c:pt>
                <c:pt idx="9165">
                  <c:v>91650</c:v>
                </c:pt>
                <c:pt idx="9166">
                  <c:v>91660</c:v>
                </c:pt>
                <c:pt idx="9167">
                  <c:v>91670</c:v>
                </c:pt>
                <c:pt idx="9168">
                  <c:v>91680</c:v>
                </c:pt>
                <c:pt idx="9169">
                  <c:v>91690</c:v>
                </c:pt>
                <c:pt idx="9170">
                  <c:v>91700</c:v>
                </c:pt>
                <c:pt idx="9171">
                  <c:v>91710</c:v>
                </c:pt>
                <c:pt idx="9172">
                  <c:v>91720</c:v>
                </c:pt>
                <c:pt idx="9173">
                  <c:v>91730</c:v>
                </c:pt>
                <c:pt idx="9174">
                  <c:v>91740</c:v>
                </c:pt>
                <c:pt idx="9175">
                  <c:v>91750</c:v>
                </c:pt>
                <c:pt idx="9176">
                  <c:v>91760</c:v>
                </c:pt>
                <c:pt idx="9177">
                  <c:v>91770</c:v>
                </c:pt>
                <c:pt idx="9178">
                  <c:v>91780</c:v>
                </c:pt>
                <c:pt idx="9179">
                  <c:v>91790</c:v>
                </c:pt>
                <c:pt idx="9180">
                  <c:v>91800</c:v>
                </c:pt>
                <c:pt idx="9181">
                  <c:v>91810</c:v>
                </c:pt>
                <c:pt idx="9182">
                  <c:v>91820</c:v>
                </c:pt>
                <c:pt idx="9183">
                  <c:v>91830</c:v>
                </c:pt>
                <c:pt idx="9184">
                  <c:v>91840</c:v>
                </c:pt>
                <c:pt idx="9185">
                  <c:v>91850</c:v>
                </c:pt>
                <c:pt idx="9186">
                  <c:v>91860</c:v>
                </c:pt>
                <c:pt idx="9187">
                  <c:v>91870</c:v>
                </c:pt>
                <c:pt idx="9188">
                  <c:v>91880</c:v>
                </c:pt>
                <c:pt idx="9189">
                  <c:v>91890</c:v>
                </c:pt>
                <c:pt idx="9190">
                  <c:v>91900</c:v>
                </c:pt>
                <c:pt idx="9191">
                  <c:v>91910</c:v>
                </c:pt>
                <c:pt idx="9192">
                  <c:v>91920</c:v>
                </c:pt>
                <c:pt idx="9193">
                  <c:v>91930</c:v>
                </c:pt>
                <c:pt idx="9194">
                  <c:v>91940</c:v>
                </c:pt>
                <c:pt idx="9195">
                  <c:v>91950</c:v>
                </c:pt>
                <c:pt idx="9196">
                  <c:v>91960</c:v>
                </c:pt>
                <c:pt idx="9197">
                  <c:v>91970</c:v>
                </c:pt>
                <c:pt idx="9198">
                  <c:v>91980</c:v>
                </c:pt>
                <c:pt idx="9199">
                  <c:v>91990</c:v>
                </c:pt>
                <c:pt idx="9200">
                  <c:v>92000</c:v>
                </c:pt>
                <c:pt idx="9201">
                  <c:v>92010</c:v>
                </c:pt>
                <c:pt idx="9202">
                  <c:v>92020</c:v>
                </c:pt>
                <c:pt idx="9203">
                  <c:v>92030</c:v>
                </c:pt>
                <c:pt idx="9204">
                  <c:v>92040</c:v>
                </c:pt>
                <c:pt idx="9205">
                  <c:v>92050</c:v>
                </c:pt>
                <c:pt idx="9206">
                  <c:v>92060</c:v>
                </c:pt>
                <c:pt idx="9207">
                  <c:v>92070</c:v>
                </c:pt>
                <c:pt idx="9208">
                  <c:v>92080</c:v>
                </c:pt>
                <c:pt idx="9209">
                  <c:v>92090</c:v>
                </c:pt>
                <c:pt idx="9210">
                  <c:v>92100</c:v>
                </c:pt>
                <c:pt idx="9211">
                  <c:v>92110</c:v>
                </c:pt>
                <c:pt idx="9212">
                  <c:v>92120</c:v>
                </c:pt>
                <c:pt idx="9213">
                  <c:v>92130</c:v>
                </c:pt>
                <c:pt idx="9214">
                  <c:v>92140</c:v>
                </c:pt>
                <c:pt idx="9215">
                  <c:v>92150</c:v>
                </c:pt>
                <c:pt idx="9216">
                  <c:v>92160</c:v>
                </c:pt>
                <c:pt idx="9217">
                  <c:v>92170</c:v>
                </c:pt>
                <c:pt idx="9218">
                  <c:v>92180</c:v>
                </c:pt>
                <c:pt idx="9219">
                  <c:v>92190</c:v>
                </c:pt>
                <c:pt idx="9220">
                  <c:v>92200</c:v>
                </c:pt>
                <c:pt idx="9221">
                  <c:v>92210</c:v>
                </c:pt>
                <c:pt idx="9222">
                  <c:v>92220</c:v>
                </c:pt>
                <c:pt idx="9223">
                  <c:v>92230</c:v>
                </c:pt>
                <c:pt idx="9224">
                  <c:v>92240</c:v>
                </c:pt>
                <c:pt idx="9225">
                  <c:v>92250</c:v>
                </c:pt>
                <c:pt idx="9226">
                  <c:v>92260</c:v>
                </c:pt>
                <c:pt idx="9227">
                  <c:v>92270</c:v>
                </c:pt>
                <c:pt idx="9228">
                  <c:v>92280</c:v>
                </c:pt>
                <c:pt idx="9229">
                  <c:v>92290</c:v>
                </c:pt>
                <c:pt idx="9230">
                  <c:v>92300</c:v>
                </c:pt>
                <c:pt idx="9231">
                  <c:v>92310</c:v>
                </c:pt>
                <c:pt idx="9232">
                  <c:v>92320</c:v>
                </c:pt>
                <c:pt idx="9233">
                  <c:v>92330</c:v>
                </c:pt>
                <c:pt idx="9234">
                  <c:v>92340</c:v>
                </c:pt>
                <c:pt idx="9235">
                  <c:v>92350</c:v>
                </c:pt>
                <c:pt idx="9236">
                  <c:v>92360</c:v>
                </c:pt>
                <c:pt idx="9237">
                  <c:v>92370</c:v>
                </c:pt>
                <c:pt idx="9238">
                  <c:v>92380</c:v>
                </c:pt>
                <c:pt idx="9239">
                  <c:v>92390</c:v>
                </c:pt>
                <c:pt idx="9240">
                  <c:v>92400</c:v>
                </c:pt>
                <c:pt idx="9241">
                  <c:v>92410</c:v>
                </c:pt>
                <c:pt idx="9242">
                  <c:v>92420</c:v>
                </c:pt>
                <c:pt idx="9243">
                  <c:v>92430</c:v>
                </c:pt>
                <c:pt idx="9244">
                  <c:v>92440</c:v>
                </c:pt>
                <c:pt idx="9245">
                  <c:v>92450</c:v>
                </c:pt>
                <c:pt idx="9246">
                  <c:v>92460</c:v>
                </c:pt>
                <c:pt idx="9247">
                  <c:v>92470</c:v>
                </c:pt>
                <c:pt idx="9248">
                  <c:v>92480</c:v>
                </c:pt>
                <c:pt idx="9249">
                  <c:v>92490</c:v>
                </c:pt>
                <c:pt idx="9250">
                  <c:v>92500</c:v>
                </c:pt>
                <c:pt idx="9251">
                  <c:v>92510</c:v>
                </c:pt>
                <c:pt idx="9252">
                  <c:v>92520</c:v>
                </c:pt>
                <c:pt idx="9253">
                  <c:v>92530</c:v>
                </c:pt>
                <c:pt idx="9254">
                  <c:v>92540</c:v>
                </c:pt>
                <c:pt idx="9255">
                  <c:v>92550</c:v>
                </c:pt>
                <c:pt idx="9256">
                  <c:v>92560</c:v>
                </c:pt>
                <c:pt idx="9257">
                  <c:v>92570</c:v>
                </c:pt>
                <c:pt idx="9258">
                  <c:v>92580</c:v>
                </c:pt>
                <c:pt idx="9259">
                  <c:v>92590</c:v>
                </c:pt>
                <c:pt idx="9260">
                  <c:v>92600</c:v>
                </c:pt>
                <c:pt idx="9261">
                  <c:v>92610</c:v>
                </c:pt>
                <c:pt idx="9262">
                  <c:v>92620</c:v>
                </c:pt>
                <c:pt idx="9263">
                  <c:v>92630</c:v>
                </c:pt>
                <c:pt idx="9264">
                  <c:v>92640</c:v>
                </c:pt>
                <c:pt idx="9265">
                  <c:v>92650</c:v>
                </c:pt>
                <c:pt idx="9266">
                  <c:v>92660</c:v>
                </c:pt>
                <c:pt idx="9267">
                  <c:v>92670</c:v>
                </c:pt>
                <c:pt idx="9268">
                  <c:v>92680</c:v>
                </c:pt>
                <c:pt idx="9269">
                  <c:v>92690</c:v>
                </c:pt>
                <c:pt idx="9270">
                  <c:v>92700</c:v>
                </c:pt>
                <c:pt idx="9271">
                  <c:v>92710</c:v>
                </c:pt>
                <c:pt idx="9272">
                  <c:v>92720</c:v>
                </c:pt>
                <c:pt idx="9273">
                  <c:v>92730</c:v>
                </c:pt>
                <c:pt idx="9274">
                  <c:v>92740</c:v>
                </c:pt>
                <c:pt idx="9275">
                  <c:v>92750</c:v>
                </c:pt>
                <c:pt idx="9276">
                  <c:v>92760</c:v>
                </c:pt>
                <c:pt idx="9277">
                  <c:v>92770</c:v>
                </c:pt>
                <c:pt idx="9278">
                  <c:v>92780</c:v>
                </c:pt>
                <c:pt idx="9279">
                  <c:v>92790</c:v>
                </c:pt>
                <c:pt idx="9280">
                  <c:v>92800</c:v>
                </c:pt>
                <c:pt idx="9281">
                  <c:v>92810</c:v>
                </c:pt>
                <c:pt idx="9282">
                  <c:v>92820</c:v>
                </c:pt>
                <c:pt idx="9283">
                  <c:v>92830</c:v>
                </c:pt>
                <c:pt idx="9284">
                  <c:v>92840</c:v>
                </c:pt>
                <c:pt idx="9285">
                  <c:v>92850</c:v>
                </c:pt>
                <c:pt idx="9286">
                  <c:v>92860</c:v>
                </c:pt>
                <c:pt idx="9287">
                  <c:v>92870</c:v>
                </c:pt>
                <c:pt idx="9288">
                  <c:v>92880</c:v>
                </c:pt>
                <c:pt idx="9289">
                  <c:v>92890</c:v>
                </c:pt>
                <c:pt idx="9290">
                  <c:v>92900</c:v>
                </c:pt>
                <c:pt idx="9291">
                  <c:v>92910</c:v>
                </c:pt>
                <c:pt idx="9292">
                  <c:v>92920</c:v>
                </c:pt>
                <c:pt idx="9293">
                  <c:v>92930</c:v>
                </c:pt>
                <c:pt idx="9294">
                  <c:v>92940</c:v>
                </c:pt>
                <c:pt idx="9295">
                  <c:v>92950</c:v>
                </c:pt>
                <c:pt idx="9296">
                  <c:v>92960</c:v>
                </c:pt>
                <c:pt idx="9297">
                  <c:v>92970</c:v>
                </c:pt>
                <c:pt idx="9298">
                  <c:v>92980</c:v>
                </c:pt>
                <c:pt idx="9299">
                  <c:v>92990</c:v>
                </c:pt>
                <c:pt idx="9300">
                  <c:v>93000</c:v>
                </c:pt>
                <c:pt idx="9301">
                  <c:v>93010</c:v>
                </c:pt>
                <c:pt idx="9302">
                  <c:v>93020</c:v>
                </c:pt>
                <c:pt idx="9303">
                  <c:v>93030</c:v>
                </c:pt>
                <c:pt idx="9304">
                  <c:v>93040</c:v>
                </c:pt>
                <c:pt idx="9305">
                  <c:v>93050</c:v>
                </c:pt>
                <c:pt idx="9306">
                  <c:v>93060</c:v>
                </c:pt>
                <c:pt idx="9307">
                  <c:v>93070</c:v>
                </c:pt>
                <c:pt idx="9308">
                  <c:v>93080</c:v>
                </c:pt>
                <c:pt idx="9309">
                  <c:v>93090</c:v>
                </c:pt>
                <c:pt idx="9310">
                  <c:v>93100</c:v>
                </c:pt>
                <c:pt idx="9311">
                  <c:v>93110</c:v>
                </c:pt>
                <c:pt idx="9312">
                  <c:v>93120</c:v>
                </c:pt>
                <c:pt idx="9313">
                  <c:v>93130</c:v>
                </c:pt>
                <c:pt idx="9314">
                  <c:v>93140</c:v>
                </c:pt>
                <c:pt idx="9315">
                  <c:v>93150</c:v>
                </c:pt>
                <c:pt idx="9316">
                  <c:v>93160</c:v>
                </c:pt>
                <c:pt idx="9317">
                  <c:v>93170</c:v>
                </c:pt>
                <c:pt idx="9318">
                  <c:v>93180</c:v>
                </c:pt>
                <c:pt idx="9319">
                  <c:v>93190</c:v>
                </c:pt>
                <c:pt idx="9320">
                  <c:v>93200</c:v>
                </c:pt>
                <c:pt idx="9321">
                  <c:v>93210</c:v>
                </c:pt>
                <c:pt idx="9322">
                  <c:v>93220</c:v>
                </c:pt>
                <c:pt idx="9323">
                  <c:v>93230</c:v>
                </c:pt>
                <c:pt idx="9324">
                  <c:v>93240</c:v>
                </c:pt>
                <c:pt idx="9325">
                  <c:v>93250</c:v>
                </c:pt>
                <c:pt idx="9326">
                  <c:v>93260</c:v>
                </c:pt>
                <c:pt idx="9327">
                  <c:v>93270</c:v>
                </c:pt>
                <c:pt idx="9328">
                  <c:v>93280</c:v>
                </c:pt>
                <c:pt idx="9329">
                  <c:v>93290</c:v>
                </c:pt>
                <c:pt idx="9330">
                  <c:v>93300</c:v>
                </c:pt>
                <c:pt idx="9331">
                  <c:v>93310</c:v>
                </c:pt>
                <c:pt idx="9332">
                  <c:v>93320</c:v>
                </c:pt>
                <c:pt idx="9333">
                  <c:v>93330</c:v>
                </c:pt>
                <c:pt idx="9334">
                  <c:v>93340</c:v>
                </c:pt>
                <c:pt idx="9335">
                  <c:v>93350</c:v>
                </c:pt>
                <c:pt idx="9336">
                  <c:v>93360</c:v>
                </c:pt>
                <c:pt idx="9337">
                  <c:v>93370</c:v>
                </c:pt>
                <c:pt idx="9338">
                  <c:v>93380</c:v>
                </c:pt>
                <c:pt idx="9339">
                  <c:v>93390</c:v>
                </c:pt>
                <c:pt idx="9340">
                  <c:v>93400</c:v>
                </c:pt>
                <c:pt idx="9341">
                  <c:v>93410</c:v>
                </c:pt>
                <c:pt idx="9342">
                  <c:v>93420</c:v>
                </c:pt>
                <c:pt idx="9343">
                  <c:v>93430</c:v>
                </c:pt>
                <c:pt idx="9344">
                  <c:v>93440</c:v>
                </c:pt>
                <c:pt idx="9345">
                  <c:v>93450</c:v>
                </c:pt>
                <c:pt idx="9346">
                  <c:v>93460</c:v>
                </c:pt>
                <c:pt idx="9347">
                  <c:v>93470</c:v>
                </c:pt>
                <c:pt idx="9348">
                  <c:v>93480</c:v>
                </c:pt>
                <c:pt idx="9349">
                  <c:v>93490</c:v>
                </c:pt>
                <c:pt idx="9350">
                  <c:v>93500</c:v>
                </c:pt>
                <c:pt idx="9351">
                  <c:v>93510</c:v>
                </c:pt>
                <c:pt idx="9352">
                  <c:v>93520</c:v>
                </c:pt>
                <c:pt idx="9353">
                  <c:v>93530</c:v>
                </c:pt>
                <c:pt idx="9354">
                  <c:v>93540</c:v>
                </c:pt>
                <c:pt idx="9355">
                  <c:v>93550</c:v>
                </c:pt>
                <c:pt idx="9356">
                  <c:v>93560</c:v>
                </c:pt>
                <c:pt idx="9357">
                  <c:v>93570</c:v>
                </c:pt>
                <c:pt idx="9358">
                  <c:v>93580</c:v>
                </c:pt>
                <c:pt idx="9359">
                  <c:v>93590</c:v>
                </c:pt>
                <c:pt idx="9360">
                  <c:v>93600</c:v>
                </c:pt>
                <c:pt idx="9361">
                  <c:v>93610</c:v>
                </c:pt>
                <c:pt idx="9362">
                  <c:v>93620</c:v>
                </c:pt>
                <c:pt idx="9363">
                  <c:v>93630</c:v>
                </c:pt>
                <c:pt idx="9364">
                  <c:v>93640</c:v>
                </c:pt>
                <c:pt idx="9365">
                  <c:v>93650</c:v>
                </c:pt>
                <c:pt idx="9366">
                  <c:v>93660</c:v>
                </c:pt>
                <c:pt idx="9367">
                  <c:v>93670</c:v>
                </c:pt>
                <c:pt idx="9368">
                  <c:v>93680</c:v>
                </c:pt>
                <c:pt idx="9369">
                  <c:v>93690</c:v>
                </c:pt>
                <c:pt idx="9370">
                  <c:v>93700</c:v>
                </c:pt>
                <c:pt idx="9371">
                  <c:v>93710</c:v>
                </c:pt>
                <c:pt idx="9372">
                  <c:v>93720</c:v>
                </c:pt>
                <c:pt idx="9373">
                  <c:v>93730</c:v>
                </c:pt>
                <c:pt idx="9374">
                  <c:v>93740</c:v>
                </c:pt>
                <c:pt idx="9375">
                  <c:v>93750</c:v>
                </c:pt>
                <c:pt idx="9376">
                  <c:v>93760</c:v>
                </c:pt>
                <c:pt idx="9377">
                  <c:v>93770</c:v>
                </c:pt>
                <c:pt idx="9378">
                  <c:v>93780</c:v>
                </c:pt>
                <c:pt idx="9379">
                  <c:v>93790</c:v>
                </c:pt>
                <c:pt idx="9380">
                  <c:v>93800</c:v>
                </c:pt>
                <c:pt idx="9381">
                  <c:v>93810</c:v>
                </c:pt>
                <c:pt idx="9382">
                  <c:v>93820</c:v>
                </c:pt>
                <c:pt idx="9383">
                  <c:v>93830</c:v>
                </c:pt>
                <c:pt idx="9384">
                  <c:v>93840</c:v>
                </c:pt>
                <c:pt idx="9385">
                  <c:v>93850</c:v>
                </c:pt>
                <c:pt idx="9386">
                  <c:v>93860</c:v>
                </c:pt>
                <c:pt idx="9387">
                  <c:v>93870</c:v>
                </c:pt>
                <c:pt idx="9388">
                  <c:v>93880</c:v>
                </c:pt>
                <c:pt idx="9389">
                  <c:v>93890</c:v>
                </c:pt>
                <c:pt idx="9390">
                  <c:v>93900</c:v>
                </c:pt>
                <c:pt idx="9391">
                  <c:v>93910</c:v>
                </c:pt>
                <c:pt idx="9392">
                  <c:v>93920</c:v>
                </c:pt>
                <c:pt idx="9393">
                  <c:v>93930</c:v>
                </c:pt>
                <c:pt idx="9394">
                  <c:v>93940</c:v>
                </c:pt>
                <c:pt idx="9395">
                  <c:v>93950</c:v>
                </c:pt>
                <c:pt idx="9396">
                  <c:v>93960</c:v>
                </c:pt>
                <c:pt idx="9397">
                  <c:v>93970</c:v>
                </c:pt>
                <c:pt idx="9398">
                  <c:v>93980</c:v>
                </c:pt>
                <c:pt idx="9399">
                  <c:v>93990</c:v>
                </c:pt>
                <c:pt idx="9400">
                  <c:v>94000</c:v>
                </c:pt>
                <c:pt idx="9401">
                  <c:v>94010</c:v>
                </c:pt>
                <c:pt idx="9402">
                  <c:v>94020</c:v>
                </c:pt>
                <c:pt idx="9403">
                  <c:v>94030</c:v>
                </c:pt>
                <c:pt idx="9404">
                  <c:v>94040</c:v>
                </c:pt>
                <c:pt idx="9405">
                  <c:v>94050</c:v>
                </c:pt>
                <c:pt idx="9406">
                  <c:v>94060</c:v>
                </c:pt>
                <c:pt idx="9407">
                  <c:v>94070</c:v>
                </c:pt>
                <c:pt idx="9408">
                  <c:v>94080</c:v>
                </c:pt>
                <c:pt idx="9409">
                  <c:v>94090</c:v>
                </c:pt>
                <c:pt idx="9410">
                  <c:v>94100</c:v>
                </c:pt>
                <c:pt idx="9411">
                  <c:v>94110</c:v>
                </c:pt>
                <c:pt idx="9412">
                  <c:v>94120</c:v>
                </c:pt>
                <c:pt idx="9413">
                  <c:v>94130</c:v>
                </c:pt>
                <c:pt idx="9414">
                  <c:v>94140</c:v>
                </c:pt>
                <c:pt idx="9415">
                  <c:v>94150</c:v>
                </c:pt>
                <c:pt idx="9416">
                  <c:v>94160</c:v>
                </c:pt>
                <c:pt idx="9417">
                  <c:v>94170</c:v>
                </c:pt>
                <c:pt idx="9418">
                  <c:v>94180</c:v>
                </c:pt>
                <c:pt idx="9419">
                  <c:v>94190</c:v>
                </c:pt>
                <c:pt idx="9420">
                  <c:v>94200</c:v>
                </c:pt>
                <c:pt idx="9421">
                  <c:v>94210</c:v>
                </c:pt>
                <c:pt idx="9422">
                  <c:v>94220</c:v>
                </c:pt>
                <c:pt idx="9423">
                  <c:v>94230</c:v>
                </c:pt>
                <c:pt idx="9424">
                  <c:v>94240</c:v>
                </c:pt>
                <c:pt idx="9425">
                  <c:v>94250</c:v>
                </c:pt>
                <c:pt idx="9426">
                  <c:v>94260</c:v>
                </c:pt>
                <c:pt idx="9427">
                  <c:v>94270</c:v>
                </c:pt>
                <c:pt idx="9428">
                  <c:v>94280</c:v>
                </c:pt>
                <c:pt idx="9429">
                  <c:v>94290</c:v>
                </c:pt>
                <c:pt idx="9430">
                  <c:v>94300</c:v>
                </c:pt>
                <c:pt idx="9431">
                  <c:v>94310</c:v>
                </c:pt>
                <c:pt idx="9432">
                  <c:v>94320</c:v>
                </c:pt>
                <c:pt idx="9433">
                  <c:v>94330</c:v>
                </c:pt>
                <c:pt idx="9434">
                  <c:v>94340</c:v>
                </c:pt>
                <c:pt idx="9435">
                  <c:v>94350</c:v>
                </c:pt>
                <c:pt idx="9436">
                  <c:v>94360</c:v>
                </c:pt>
                <c:pt idx="9437">
                  <c:v>94370</c:v>
                </c:pt>
                <c:pt idx="9438">
                  <c:v>94380</c:v>
                </c:pt>
                <c:pt idx="9439">
                  <c:v>94390</c:v>
                </c:pt>
                <c:pt idx="9440">
                  <c:v>94400</c:v>
                </c:pt>
                <c:pt idx="9441">
                  <c:v>94410</c:v>
                </c:pt>
                <c:pt idx="9442">
                  <c:v>94420</c:v>
                </c:pt>
                <c:pt idx="9443">
                  <c:v>94430</c:v>
                </c:pt>
                <c:pt idx="9444">
                  <c:v>94440</c:v>
                </c:pt>
                <c:pt idx="9445">
                  <c:v>94450</c:v>
                </c:pt>
                <c:pt idx="9446">
                  <c:v>94460</c:v>
                </c:pt>
                <c:pt idx="9447">
                  <c:v>94470</c:v>
                </c:pt>
                <c:pt idx="9448">
                  <c:v>94480</c:v>
                </c:pt>
                <c:pt idx="9449">
                  <c:v>94490</c:v>
                </c:pt>
                <c:pt idx="9450">
                  <c:v>94500</c:v>
                </c:pt>
                <c:pt idx="9451">
                  <c:v>94510</c:v>
                </c:pt>
                <c:pt idx="9452">
                  <c:v>94520</c:v>
                </c:pt>
                <c:pt idx="9453">
                  <c:v>94530</c:v>
                </c:pt>
                <c:pt idx="9454">
                  <c:v>94540</c:v>
                </c:pt>
                <c:pt idx="9455">
                  <c:v>94550</c:v>
                </c:pt>
                <c:pt idx="9456">
                  <c:v>94560</c:v>
                </c:pt>
                <c:pt idx="9457">
                  <c:v>94570</c:v>
                </c:pt>
                <c:pt idx="9458">
                  <c:v>94580</c:v>
                </c:pt>
                <c:pt idx="9459">
                  <c:v>94590</c:v>
                </c:pt>
                <c:pt idx="9460">
                  <c:v>94600</c:v>
                </c:pt>
                <c:pt idx="9461">
                  <c:v>94610</c:v>
                </c:pt>
                <c:pt idx="9462">
                  <c:v>94620</c:v>
                </c:pt>
                <c:pt idx="9463">
                  <c:v>94630</c:v>
                </c:pt>
                <c:pt idx="9464">
                  <c:v>94640</c:v>
                </c:pt>
                <c:pt idx="9465">
                  <c:v>94650</c:v>
                </c:pt>
                <c:pt idx="9466">
                  <c:v>94660</c:v>
                </c:pt>
                <c:pt idx="9467">
                  <c:v>94670</c:v>
                </c:pt>
                <c:pt idx="9468">
                  <c:v>94680</c:v>
                </c:pt>
                <c:pt idx="9469">
                  <c:v>94690</c:v>
                </c:pt>
                <c:pt idx="9470">
                  <c:v>94700</c:v>
                </c:pt>
                <c:pt idx="9471">
                  <c:v>94710</c:v>
                </c:pt>
                <c:pt idx="9472">
                  <c:v>94720</c:v>
                </c:pt>
                <c:pt idx="9473">
                  <c:v>94730</c:v>
                </c:pt>
                <c:pt idx="9474">
                  <c:v>94740</c:v>
                </c:pt>
                <c:pt idx="9475">
                  <c:v>94750</c:v>
                </c:pt>
                <c:pt idx="9476">
                  <c:v>94760</c:v>
                </c:pt>
                <c:pt idx="9477">
                  <c:v>94770</c:v>
                </c:pt>
                <c:pt idx="9478">
                  <c:v>94780</c:v>
                </c:pt>
                <c:pt idx="9479">
                  <c:v>94790</c:v>
                </c:pt>
                <c:pt idx="9480">
                  <c:v>94800</c:v>
                </c:pt>
                <c:pt idx="9481">
                  <c:v>94810</c:v>
                </c:pt>
                <c:pt idx="9482">
                  <c:v>94820</c:v>
                </c:pt>
                <c:pt idx="9483">
                  <c:v>94830</c:v>
                </c:pt>
                <c:pt idx="9484">
                  <c:v>94840</c:v>
                </c:pt>
                <c:pt idx="9485">
                  <c:v>94850</c:v>
                </c:pt>
                <c:pt idx="9486">
                  <c:v>94860</c:v>
                </c:pt>
                <c:pt idx="9487">
                  <c:v>94870</c:v>
                </c:pt>
                <c:pt idx="9488">
                  <c:v>94880</c:v>
                </c:pt>
                <c:pt idx="9489">
                  <c:v>94890</c:v>
                </c:pt>
                <c:pt idx="9490">
                  <c:v>94900</c:v>
                </c:pt>
                <c:pt idx="9491">
                  <c:v>94910</c:v>
                </c:pt>
                <c:pt idx="9492">
                  <c:v>94920</c:v>
                </c:pt>
                <c:pt idx="9493">
                  <c:v>94930</c:v>
                </c:pt>
                <c:pt idx="9494">
                  <c:v>94940</c:v>
                </c:pt>
                <c:pt idx="9495">
                  <c:v>94950</c:v>
                </c:pt>
                <c:pt idx="9496">
                  <c:v>94960</c:v>
                </c:pt>
                <c:pt idx="9497">
                  <c:v>94970</c:v>
                </c:pt>
                <c:pt idx="9498">
                  <c:v>94980</c:v>
                </c:pt>
                <c:pt idx="9499">
                  <c:v>94990</c:v>
                </c:pt>
                <c:pt idx="9500">
                  <c:v>95000</c:v>
                </c:pt>
                <c:pt idx="9501">
                  <c:v>95010</c:v>
                </c:pt>
                <c:pt idx="9502">
                  <c:v>95020</c:v>
                </c:pt>
                <c:pt idx="9503">
                  <c:v>95030</c:v>
                </c:pt>
                <c:pt idx="9504">
                  <c:v>95040</c:v>
                </c:pt>
                <c:pt idx="9505">
                  <c:v>95050</c:v>
                </c:pt>
                <c:pt idx="9506">
                  <c:v>95060</c:v>
                </c:pt>
                <c:pt idx="9507">
                  <c:v>95070</c:v>
                </c:pt>
                <c:pt idx="9508">
                  <c:v>95080</c:v>
                </c:pt>
                <c:pt idx="9509">
                  <c:v>95090</c:v>
                </c:pt>
                <c:pt idx="9510">
                  <c:v>95100</c:v>
                </c:pt>
                <c:pt idx="9511">
                  <c:v>95110</c:v>
                </c:pt>
                <c:pt idx="9512">
                  <c:v>95120</c:v>
                </c:pt>
                <c:pt idx="9513">
                  <c:v>95130</c:v>
                </c:pt>
                <c:pt idx="9514">
                  <c:v>95140</c:v>
                </c:pt>
                <c:pt idx="9515">
                  <c:v>95150</c:v>
                </c:pt>
                <c:pt idx="9516">
                  <c:v>95160</c:v>
                </c:pt>
                <c:pt idx="9517">
                  <c:v>95170</c:v>
                </c:pt>
                <c:pt idx="9518">
                  <c:v>95180</c:v>
                </c:pt>
                <c:pt idx="9519">
                  <c:v>95190</c:v>
                </c:pt>
                <c:pt idx="9520">
                  <c:v>95200</c:v>
                </c:pt>
                <c:pt idx="9521">
                  <c:v>95210</c:v>
                </c:pt>
                <c:pt idx="9522">
                  <c:v>95220</c:v>
                </c:pt>
                <c:pt idx="9523">
                  <c:v>95230</c:v>
                </c:pt>
                <c:pt idx="9524">
                  <c:v>95240</c:v>
                </c:pt>
                <c:pt idx="9525">
                  <c:v>95250</c:v>
                </c:pt>
                <c:pt idx="9526">
                  <c:v>95260</c:v>
                </c:pt>
                <c:pt idx="9527">
                  <c:v>95270</c:v>
                </c:pt>
                <c:pt idx="9528">
                  <c:v>95280</c:v>
                </c:pt>
                <c:pt idx="9529">
                  <c:v>95290</c:v>
                </c:pt>
                <c:pt idx="9530">
                  <c:v>95300</c:v>
                </c:pt>
                <c:pt idx="9531">
                  <c:v>95310</c:v>
                </c:pt>
                <c:pt idx="9532">
                  <c:v>95320</c:v>
                </c:pt>
                <c:pt idx="9533">
                  <c:v>95330</c:v>
                </c:pt>
                <c:pt idx="9534">
                  <c:v>95340</c:v>
                </c:pt>
                <c:pt idx="9535">
                  <c:v>95350</c:v>
                </c:pt>
                <c:pt idx="9536">
                  <c:v>95360</c:v>
                </c:pt>
                <c:pt idx="9537">
                  <c:v>95370</c:v>
                </c:pt>
                <c:pt idx="9538">
                  <c:v>95380</c:v>
                </c:pt>
                <c:pt idx="9539">
                  <c:v>95390</c:v>
                </c:pt>
                <c:pt idx="9540">
                  <c:v>95400</c:v>
                </c:pt>
                <c:pt idx="9541">
                  <c:v>95410</c:v>
                </c:pt>
                <c:pt idx="9542">
                  <c:v>95420</c:v>
                </c:pt>
                <c:pt idx="9543">
                  <c:v>95430</c:v>
                </c:pt>
                <c:pt idx="9544">
                  <c:v>95440</c:v>
                </c:pt>
                <c:pt idx="9545">
                  <c:v>95450</c:v>
                </c:pt>
                <c:pt idx="9546">
                  <c:v>95460</c:v>
                </c:pt>
                <c:pt idx="9547">
                  <c:v>95470</c:v>
                </c:pt>
                <c:pt idx="9548">
                  <c:v>95480</c:v>
                </c:pt>
                <c:pt idx="9549">
                  <c:v>95490</c:v>
                </c:pt>
                <c:pt idx="9550">
                  <c:v>95500</c:v>
                </c:pt>
                <c:pt idx="9551">
                  <c:v>95510</c:v>
                </c:pt>
                <c:pt idx="9552">
                  <c:v>95520</c:v>
                </c:pt>
                <c:pt idx="9553">
                  <c:v>95530</c:v>
                </c:pt>
                <c:pt idx="9554">
                  <c:v>95540</c:v>
                </c:pt>
                <c:pt idx="9555">
                  <c:v>95550</c:v>
                </c:pt>
                <c:pt idx="9556">
                  <c:v>95560</c:v>
                </c:pt>
                <c:pt idx="9557">
                  <c:v>95570</c:v>
                </c:pt>
                <c:pt idx="9558">
                  <c:v>95580</c:v>
                </c:pt>
                <c:pt idx="9559">
                  <c:v>95590</c:v>
                </c:pt>
                <c:pt idx="9560">
                  <c:v>95600</c:v>
                </c:pt>
                <c:pt idx="9561">
                  <c:v>95610</c:v>
                </c:pt>
                <c:pt idx="9562">
                  <c:v>95620</c:v>
                </c:pt>
                <c:pt idx="9563">
                  <c:v>95630</c:v>
                </c:pt>
                <c:pt idx="9564">
                  <c:v>95640</c:v>
                </c:pt>
                <c:pt idx="9565">
                  <c:v>95650</c:v>
                </c:pt>
                <c:pt idx="9566">
                  <c:v>95660</c:v>
                </c:pt>
                <c:pt idx="9567">
                  <c:v>95670</c:v>
                </c:pt>
                <c:pt idx="9568">
                  <c:v>95680</c:v>
                </c:pt>
                <c:pt idx="9569">
                  <c:v>95690</c:v>
                </c:pt>
                <c:pt idx="9570">
                  <c:v>95700</c:v>
                </c:pt>
                <c:pt idx="9571">
                  <c:v>95710</c:v>
                </c:pt>
                <c:pt idx="9572">
                  <c:v>95720</c:v>
                </c:pt>
                <c:pt idx="9573">
                  <c:v>95730</c:v>
                </c:pt>
                <c:pt idx="9574">
                  <c:v>95740</c:v>
                </c:pt>
                <c:pt idx="9575">
                  <c:v>95750</c:v>
                </c:pt>
                <c:pt idx="9576">
                  <c:v>95760</c:v>
                </c:pt>
                <c:pt idx="9577">
                  <c:v>95770</c:v>
                </c:pt>
                <c:pt idx="9578">
                  <c:v>95780</c:v>
                </c:pt>
                <c:pt idx="9579">
                  <c:v>95790</c:v>
                </c:pt>
                <c:pt idx="9580">
                  <c:v>95800</c:v>
                </c:pt>
                <c:pt idx="9581">
                  <c:v>95810</c:v>
                </c:pt>
                <c:pt idx="9582">
                  <c:v>95820</c:v>
                </c:pt>
                <c:pt idx="9583">
                  <c:v>95830</c:v>
                </c:pt>
                <c:pt idx="9584">
                  <c:v>95840</c:v>
                </c:pt>
                <c:pt idx="9585">
                  <c:v>95850</c:v>
                </c:pt>
                <c:pt idx="9586">
                  <c:v>95860</c:v>
                </c:pt>
                <c:pt idx="9587">
                  <c:v>95870</c:v>
                </c:pt>
                <c:pt idx="9588">
                  <c:v>95880</c:v>
                </c:pt>
                <c:pt idx="9589">
                  <c:v>95890</c:v>
                </c:pt>
                <c:pt idx="9590">
                  <c:v>95900</c:v>
                </c:pt>
                <c:pt idx="9591">
                  <c:v>95910</c:v>
                </c:pt>
                <c:pt idx="9592">
                  <c:v>95920</c:v>
                </c:pt>
                <c:pt idx="9593">
                  <c:v>95930</c:v>
                </c:pt>
                <c:pt idx="9594">
                  <c:v>95940</c:v>
                </c:pt>
                <c:pt idx="9595">
                  <c:v>95950</c:v>
                </c:pt>
                <c:pt idx="9596">
                  <c:v>95960</c:v>
                </c:pt>
                <c:pt idx="9597">
                  <c:v>95970</c:v>
                </c:pt>
                <c:pt idx="9598">
                  <c:v>95980</c:v>
                </c:pt>
                <c:pt idx="9599">
                  <c:v>95990</c:v>
                </c:pt>
                <c:pt idx="9600">
                  <c:v>96000</c:v>
                </c:pt>
                <c:pt idx="9601">
                  <c:v>96010</c:v>
                </c:pt>
                <c:pt idx="9602">
                  <c:v>96020</c:v>
                </c:pt>
                <c:pt idx="9603">
                  <c:v>96030</c:v>
                </c:pt>
                <c:pt idx="9604">
                  <c:v>96040</c:v>
                </c:pt>
                <c:pt idx="9605">
                  <c:v>96050</c:v>
                </c:pt>
                <c:pt idx="9606">
                  <c:v>96060</c:v>
                </c:pt>
                <c:pt idx="9607">
                  <c:v>96070</c:v>
                </c:pt>
                <c:pt idx="9608">
                  <c:v>96080</c:v>
                </c:pt>
                <c:pt idx="9609">
                  <c:v>96090</c:v>
                </c:pt>
                <c:pt idx="9610">
                  <c:v>96100</c:v>
                </c:pt>
                <c:pt idx="9611">
                  <c:v>96110</c:v>
                </c:pt>
                <c:pt idx="9612">
                  <c:v>96120</c:v>
                </c:pt>
                <c:pt idx="9613">
                  <c:v>96130</c:v>
                </c:pt>
                <c:pt idx="9614">
                  <c:v>96140</c:v>
                </c:pt>
                <c:pt idx="9615">
                  <c:v>96150</c:v>
                </c:pt>
                <c:pt idx="9616">
                  <c:v>96160</c:v>
                </c:pt>
                <c:pt idx="9617">
                  <c:v>96170</c:v>
                </c:pt>
                <c:pt idx="9618">
                  <c:v>96180</c:v>
                </c:pt>
                <c:pt idx="9619">
                  <c:v>96190</c:v>
                </c:pt>
                <c:pt idx="9620">
                  <c:v>96200</c:v>
                </c:pt>
                <c:pt idx="9621">
                  <c:v>96210</c:v>
                </c:pt>
                <c:pt idx="9622">
                  <c:v>96220</c:v>
                </c:pt>
                <c:pt idx="9623">
                  <c:v>96230</c:v>
                </c:pt>
                <c:pt idx="9624">
                  <c:v>96240</c:v>
                </c:pt>
                <c:pt idx="9625">
                  <c:v>96250</c:v>
                </c:pt>
                <c:pt idx="9626">
                  <c:v>96260</c:v>
                </c:pt>
                <c:pt idx="9627">
                  <c:v>96270</c:v>
                </c:pt>
                <c:pt idx="9628">
                  <c:v>96280</c:v>
                </c:pt>
                <c:pt idx="9629">
                  <c:v>96290</c:v>
                </c:pt>
                <c:pt idx="9630">
                  <c:v>96300</c:v>
                </c:pt>
                <c:pt idx="9631">
                  <c:v>96310</c:v>
                </c:pt>
                <c:pt idx="9632">
                  <c:v>96320</c:v>
                </c:pt>
                <c:pt idx="9633">
                  <c:v>96330</c:v>
                </c:pt>
                <c:pt idx="9634">
                  <c:v>96340</c:v>
                </c:pt>
                <c:pt idx="9635">
                  <c:v>96350</c:v>
                </c:pt>
                <c:pt idx="9636">
                  <c:v>96360</c:v>
                </c:pt>
                <c:pt idx="9637">
                  <c:v>96370</c:v>
                </c:pt>
                <c:pt idx="9638">
                  <c:v>96380</c:v>
                </c:pt>
                <c:pt idx="9639">
                  <c:v>96390</c:v>
                </c:pt>
                <c:pt idx="9640">
                  <c:v>96400</c:v>
                </c:pt>
                <c:pt idx="9641">
                  <c:v>96410</c:v>
                </c:pt>
                <c:pt idx="9642">
                  <c:v>96420</c:v>
                </c:pt>
                <c:pt idx="9643">
                  <c:v>96430</c:v>
                </c:pt>
                <c:pt idx="9644">
                  <c:v>96440</c:v>
                </c:pt>
                <c:pt idx="9645">
                  <c:v>96450</c:v>
                </c:pt>
                <c:pt idx="9646">
                  <c:v>96460</c:v>
                </c:pt>
                <c:pt idx="9647">
                  <c:v>96470</c:v>
                </c:pt>
                <c:pt idx="9648">
                  <c:v>96480</c:v>
                </c:pt>
                <c:pt idx="9649">
                  <c:v>96490</c:v>
                </c:pt>
                <c:pt idx="9650">
                  <c:v>96500</c:v>
                </c:pt>
                <c:pt idx="9651">
                  <c:v>96510</c:v>
                </c:pt>
                <c:pt idx="9652">
                  <c:v>96520</c:v>
                </c:pt>
                <c:pt idx="9653">
                  <c:v>96530</c:v>
                </c:pt>
                <c:pt idx="9654">
                  <c:v>96540</c:v>
                </c:pt>
                <c:pt idx="9655">
                  <c:v>96550</c:v>
                </c:pt>
                <c:pt idx="9656">
                  <c:v>96560</c:v>
                </c:pt>
                <c:pt idx="9657">
                  <c:v>96570</c:v>
                </c:pt>
                <c:pt idx="9658">
                  <c:v>96580</c:v>
                </c:pt>
                <c:pt idx="9659">
                  <c:v>96590</c:v>
                </c:pt>
                <c:pt idx="9660">
                  <c:v>96600</c:v>
                </c:pt>
                <c:pt idx="9661">
                  <c:v>96610</c:v>
                </c:pt>
                <c:pt idx="9662">
                  <c:v>96620</c:v>
                </c:pt>
                <c:pt idx="9663">
                  <c:v>96630</c:v>
                </c:pt>
                <c:pt idx="9664">
                  <c:v>96640</c:v>
                </c:pt>
                <c:pt idx="9665">
                  <c:v>96650</c:v>
                </c:pt>
                <c:pt idx="9666">
                  <c:v>96660</c:v>
                </c:pt>
                <c:pt idx="9667">
                  <c:v>96670</c:v>
                </c:pt>
                <c:pt idx="9668">
                  <c:v>96680</c:v>
                </c:pt>
                <c:pt idx="9669">
                  <c:v>96690</c:v>
                </c:pt>
                <c:pt idx="9670">
                  <c:v>96700</c:v>
                </c:pt>
                <c:pt idx="9671">
                  <c:v>96710</c:v>
                </c:pt>
                <c:pt idx="9672">
                  <c:v>96720</c:v>
                </c:pt>
                <c:pt idx="9673">
                  <c:v>96730</c:v>
                </c:pt>
                <c:pt idx="9674">
                  <c:v>96740</c:v>
                </c:pt>
                <c:pt idx="9675">
                  <c:v>96750</c:v>
                </c:pt>
                <c:pt idx="9676">
                  <c:v>96760</c:v>
                </c:pt>
                <c:pt idx="9677">
                  <c:v>96770</c:v>
                </c:pt>
                <c:pt idx="9678">
                  <c:v>96780</c:v>
                </c:pt>
                <c:pt idx="9679">
                  <c:v>96790</c:v>
                </c:pt>
                <c:pt idx="9680">
                  <c:v>96800</c:v>
                </c:pt>
                <c:pt idx="9681">
                  <c:v>96810</c:v>
                </c:pt>
                <c:pt idx="9682">
                  <c:v>96820</c:v>
                </c:pt>
                <c:pt idx="9683">
                  <c:v>96830</c:v>
                </c:pt>
                <c:pt idx="9684">
                  <c:v>96840</c:v>
                </c:pt>
                <c:pt idx="9685">
                  <c:v>96850</c:v>
                </c:pt>
                <c:pt idx="9686">
                  <c:v>96860</c:v>
                </c:pt>
                <c:pt idx="9687">
                  <c:v>96870</c:v>
                </c:pt>
                <c:pt idx="9688">
                  <c:v>96880</c:v>
                </c:pt>
                <c:pt idx="9689">
                  <c:v>96890</c:v>
                </c:pt>
                <c:pt idx="9690">
                  <c:v>96900</c:v>
                </c:pt>
                <c:pt idx="9691">
                  <c:v>96910</c:v>
                </c:pt>
                <c:pt idx="9692">
                  <c:v>96920</c:v>
                </c:pt>
                <c:pt idx="9693">
                  <c:v>96930</c:v>
                </c:pt>
                <c:pt idx="9694">
                  <c:v>96940</c:v>
                </c:pt>
                <c:pt idx="9695">
                  <c:v>96950</c:v>
                </c:pt>
                <c:pt idx="9696">
                  <c:v>96960</c:v>
                </c:pt>
                <c:pt idx="9697">
                  <c:v>96970</c:v>
                </c:pt>
                <c:pt idx="9698">
                  <c:v>96980</c:v>
                </c:pt>
                <c:pt idx="9699">
                  <c:v>96990</c:v>
                </c:pt>
                <c:pt idx="9700">
                  <c:v>97000</c:v>
                </c:pt>
                <c:pt idx="9701">
                  <c:v>97010</c:v>
                </c:pt>
                <c:pt idx="9702">
                  <c:v>97020</c:v>
                </c:pt>
                <c:pt idx="9703">
                  <c:v>97030</c:v>
                </c:pt>
                <c:pt idx="9704">
                  <c:v>97040</c:v>
                </c:pt>
                <c:pt idx="9705">
                  <c:v>97050</c:v>
                </c:pt>
                <c:pt idx="9706">
                  <c:v>97060</c:v>
                </c:pt>
                <c:pt idx="9707">
                  <c:v>97070</c:v>
                </c:pt>
                <c:pt idx="9708">
                  <c:v>97080</c:v>
                </c:pt>
                <c:pt idx="9709">
                  <c:v>97090</c:v>
                </c:pt>
                <c:pt idx="9710">
                  <c:v>97100</c:v>
                </c:pt>
                <c:pt idx="9711">
                  <c:v>97110</c:v>
                </c:pt>
                <c:pt idx="9712">
                  <c:v>97120</c:v>
                </c:pt>
                <c:pt idx="9713">
                  <c:v>97130</c:v>
                </c:pt>
                <c:pt idx="9714">
                  <c:v>97140</c:v>
                </c:pt>
                <c:pt idx="9715">
                  <c:v>97150</c:v>
                </c:pt>
                <c:pt idx="9716">
                  <c:v>97160</c:v>
                </c:pt>
                <c:pt idx="9717">
                  <c:v>97170</c:v>
                </c:pt>
                <c:pt idx="9718">
                  <c:v>97180</c:v>
                </c:pt>
                <c:pt idx="9719">
                  <c:v>97190</c:v>
                </c:pt>
                <c:pt idx="9720">
                  <c:v>97200</c:v>
                </c:pt>
                <c:pt idx="9721">
                  <c:v>97210</c:v>
                </c:pt>
                <c:pt idx="9722">
                  <c:v>97220</c:v>
                </c:pt>
                <c:pt idx="9723">
                  <c:v>97230</c:v>
                </c:pt>
                <c:pt idx="9724">
                  <c:v>97240</c:v>
                </c:pt>
                <c:pt idx="9725">
                  <c:v>97250</c:v>
                </c:pt>
                <c:pt idx="9726">
                  <c:v>97260</c:v>
                </c:pt>
                <c:pt idx="9727">
                  <c:v>97270</c:v>
                </c:pt>
                <c:pt idx="9728">
                  <c:v>97280</c:v>
                </c:pt>
                <c:pt idx="9729">
                  <c:v>97290</c:v>
                </c:pt>
                <c:pt idx="9730">
                  <c:v>97300</c:v>
                </c:pt>
                <c:pt idx="9731">
                  <c:v>97310</c:v>
                </c:pt>
                <c:pt idx="9732">
                  <c:v>97320</c:v>
                </c:pt>
                <c:pt idx="9733">
                  <c:v>97330</c:v>
                </c:pt>
                <c:pt idx="9734">
                  <c:v>97340</c:v>
                </c:pt>
                <c:pt idx="9735">
                  <c:v>97350</c:v>
                </c:pt>
                <c:pt idx="9736">
                  <c:v>97360</c:v>
                </c:pt>
                <c:pt idx="9737">
                  <c:v>97370</c:v>
                </c:pt>
                <c:pt idx="9738">
                  <c:v>97380</c:v>
                </c:pt>
                <c:pt idx="9739">
                  <c:v>97390</c:v>
                </c:pt>
                <c:pt idx="9740">
                  <c:v>97400</c:v>
                </c:pt>
                <c:pt idx="9741">
                  <c:v>97410</c:v>
                </c:pt>
                <c:pt idx="9742">
                  <c:v>97420</c:v>
                </c:pt>
                <c:pt idx="9743">
                  <c:v>97430</c:v>
                </c:pt>
                <c:pt idx="9744">
                  <c:v>97440</c:v>
                </c:pt>
                <c:pt idx="9745">
                  <c:v>97450</c:v>
                </c:pt>
                <c:pt idx="9746">
                  <c:v>97460</c:v>
                </c:pt>
                <c:pt idx="9747">
                  <c:v>97470</c:v>
                </c:pt>
                <c:pt idx="9748">
                  <c:v>97480</c:v>
                </c:pt>
                <c:pt idx="9749">
                  <c:v>97490</c:v>
                </c:pt>
                <c:pt idx="9750">
                  <c:v>97500</c:v>
                </c:pt>
                <c:pt idx="9751">
                  <c:v>97510</c:v>
                </c:pt>
                <c:pt idx="9752">
                  <c:v>97520</c:v>
                </c:pt>
                <c:pt idx="9753">
                  <c:v>97530</c:v>
                </c:pt>
                <c:pt idx="9754">
                  <c:v>97540</c:v>
                </c:pt>
                <c:pt idx="9755">
                  <c:v>97550</c:v>
                </c:pt>
                <c:pt idx="9756">
                  <c:v>97560</c:v>
                </c:pt>
                <c:pt idx="9757">
                  <c:v>97570</c:v>
                </c:pt>
                <c:pt idx="9758">
                  <c:v>97580</c:v>
                </c:pt>
                <c:pt idx="9759">
                  <c:v>97590</c:v>
                </c:pt>
                <c:pt idx="9760">
                  <c:v>97600</c:v>
                </c:pt>
                <c:pt idx="9761">
                  <c:v>97610</c:v>
                </c:pt>
                <c:pt idx="9762">
                  <c:v>97620</c:v>
                </c:pt>
                <c:pt idx="9763">
                  <c:v>97630</c:v>
                </c:pt>
                <c:pt idx="9764">
                  <c:v>97640</c:v>
                </c:pt>
                <c:pt idx="9765">
                  <c:v>97650</c:v>
                </c:pt>
                <c:pt idx="9766">
                  <c:v>97660</c:v>
                </c:pt>
                <c:pt idx="9767">
                  <c:v>97670</c:v>
                </c:pt>
                <c:pt idx="9768">
                  <c:v>97680</c:v>
                </c:pt>
                <c:pt idx="9769">
                  <c:v>97690</c:v>
                </c:pt>
                <c:pt idx="9770">
                  <c:v>97700</c:v>
                </c:pt>
                <c:pt idx="9771">
                  <c:v>97710</c:v>
                </c:pt>
                <c:pt idx="9772">
                  <c:v>97720</c:v>
                </c:pt>
                <c:pt idx="9773">
                  <c:v>97730</c:v>
                </c:pt>
                <c:pt idx="9774">
                  <c:v>97740</c:v>
                </c:pt>
                <c:pt idx="9775">
                  <c:v>97750</c:v>
                </c:pt>
                <c:pt idx="9776">
                  <c:v>97760</c:v>
                </c:pt>
                <c:pt idx="9777">
                  <c:v>97770</c:v>
                </c:pt>
                <c:pt idx="9778">
                  <c:v>97780</c:v>
                </c:pt>
                <c:pt idx="9779">
                  <c:v>97790</c:v>
                </c:pt>
                <c:pt idx="9780">
                  <c:v>97800</c:v>
                </c:pt>
                <c:pt idx="9781">
                  <c:v>97810</c:v>
                </c:pt>
                <c:pt idx="9782">
                  <c:v>97820</c:v>
                </c:pt>
                <c:pt idx="9783">
                  <c:v>97830</c:v>
                </c:pt>
                <c:pt idx="9784">
                  <c:v>97840</c:v>
                </c:pt>
                <c:pt idx="9785">
                  <c:v>97850</c:v>
                </c:pt>
                <c:pt idx="9786">
                  <c:v>97860</c:v>
                </c:pt>
                <c:pt idx="9787">
                  <c:v>97870</c:v>
                </c:pt>
                <c:pt idx="9788">
                  <c:v>97880</c:v>
                </c:pt>
                <c:pt idx="9789">
                  <c:v>97890</c:v>
                </c:pt>
                <c:pt idx="9790">
                  <c:v>97900</c:v>
                </c:pt>
                <c:pt idx="9791">
                  <c:v>97910</c:v>
                </c:pt>
                <c:pt idx="9792">
                  <c:v>97920</c:v>
                </c:pt>
                <c:pt idx="9793">
                  <c:v>97930</c:v>
                </c:pt>
                <c:pt idx="9794">
                  <c:v>97940</c:v>
                </c:pt>
                <c:pt idx="9795">
                  <c:v>97950</c:v>
                </c:pt>
                <c:pt idx="9796">
                  <c:v>97960</c:v>
                </c:pt>
                <c:pt idx="9797">
                  <c:v>97970</c:v>
                </c:pt>
                <c:pt idx="9798">
                  <c:v>97980</c:v>
                </c:pt>
                <c:pt idx="9799">
                  <c:v>97990</c:v>
                </c:pt>
                <c:pt idx="9800">
                  <c:v>98000</c:v>
                </c:pt>
                <c:pt idx="9801">
                  <c:v>98010</c:v>
                </c:pt>
                <c:pt idx="9802">
                  <c:v>98020</c:v>
                </c:pt>
                <c:pt idx="9803">
                  <c:v>98030</c:v>
                </c:pt>
                <c:pt idx="9804">
                  <c:v>98040</c:v>
                </c:pt>
                <c:pt idx="9805">
                  <c:v>98050</c:v>
                </c:pt>
                <c:pt idx="9806">
                  <c:v>98060</c:v>
                </c:pt>
                <c:pt idx="9807">
                  <c:v>98070</c:v>
                </c:pt>
                <c:pt idx="9808">
                  <c:v>98080</c:v>
                </c:pt>
                <c:pt idx="9809">
                  <c:v>98090</c:v>
                </c:pt>
                <c:pt idx="9810">
                  <c:v>98100</c:v>
                </c:pt>
                <c:pt idx="9811">
                  <c:v>98110</c:v>
                </c:pt>
                <c:pt idx="9812">
                  <c:v>98120</c:v>
                </c:pt>
                <c:pt idx="9813">
                  <c:v>98130</c:v>
                </c:pt>
                <c:pt idx="9814">
                  <c:v>98140</c:v>
                </c:pt>
                <c:pt idx="9815">
                  <c:v>98150</c:v>
                </c:pt>
                <c:pt idx="9816">
                  <c:v>98160</c:v>
                </c:pt>
                <c:pt idx="9817">
                  <c:v>98170</c:v>
                </c:pt>
                <c:pt idx="9818">
                  <c:v>98180</c:v>
                </c:pt>
                <c:pt idx="9819">
                  <c:v>98190</c:v>
                </c:pt>
                <c:pt idx="9820">
                  <c:v>98200</c:v>
                </c:pt>
                <c:pt idx="9821">
                  <c:v>98210</c:v>
                </c:pt>
                <c:pt idx="9822">
                  <c:v>98220</c:v>
                </c:pt>
                <c:pt idx="9823">
                  <c:v>98230</c:v>
                </c:pt>
                <c:pt idx="9824">
                  <c:v>98240</c:v>
                </c:pt>
                <c:pt idx="9825">
                  <c:v>98250</c:v>
                </c:pt>
                <c:pt idx="9826">
                  <c:v>98260</c:v>
                </c:pt>
                <c:pt idx="9827">
                  <c:v>98270</c:v>
                </c:pt>
                <c:pt idx="9828">
                  <c:v>98280</c:v>
                </c:pt>
                <c:pt idx="9829">
                  <c:v>98290</c:v>
                </c:pt>
                <c:pt idx="9830">
                  <c:v>98300</c:v>
                </c:pt>
                <c:pt idx="9831">
                  <c:v>98310</c:v>
                </c:pt>
                <c:pt idx="9832">
                  <c:v>98320</c:v>
                </c:pt>
                <c:pt idx="9833">
                  <c:v>98330</c:v>
                </c:pt>
                <c:pt idx="9834">
                  <c:v>98340</c:v>
                </c:pt>
                <c:pt idx="9835">
                  <c:v>98350</c:v>
                </c:pt>
                <c:pt idx="9836">
                  <c:v>98360</c:v>
                </c:pt>
                <c:pt idx="9837">
                  <c:v>98370</c:v>
                </c:pt>
                <c:pt idx="9838">
                  <c:v>98380</c:v>
                </c:pt>
                <c:pt idx="9839">
                  <c:v>98390</c:v>
                </c:pt>
                <c:pt idx="9840">
                  <c:v>98400</c:v>
                </c:pt>
                <c:pt idx="9841">
                  <c:v>98410</c:v>
                </c:pt>
                <c:pt idx="9842">
                  <c:v>98420</c:v>
                </c:pt>
                <c:pt idx="9843">
                  <c:v>98430</c:v>
                </c:pt>
                <c:pt idx="9844">
                  <c:v>98440</c:v>
                </c:pt>
                <c:pt idx="9845">
                  <c:v>98450</c:v>
                </c:pt>
                <c:pt idx="9846">
                  <c:v>98460</c:v>
                </c:pt>
                <c:pt idx="9847">
                  <c:v>98470</c:v>
                </c:pt>
                <c:pt idx="9848">
                  <c:v>98480</c:v>
                </c:pt>
                <c:pt idx="9849">
                  <c:v>98490</c:v>
                </c:pt>
                <c:pt idx="9850">
                  <c:v>98500</c:v>
                </c:pt>
                <c:pt idx="9851">
                  <c:v>98510</c:v>
                </c:pt>
                <c:pt idx="9852">
                  <c:v>98520</c:v>
                </c:pt>
                <c:pt idx="9853">
                  <c:v>98530</c:v>
                </c:pt>
                <c:pt idx="9854">
                  <c:v>98540</c:v>
                </c:pt>
                <c:pt idx="9855">
                  <c:v>98550</c:v>
                </c:pt>
                <c:pt idx="9856">
                  <c:v>98560</c:v>
                </c:pt>
                <c:pt idx="9857">
                  <c:v>98570</c:v>
                </c:pt>
                <c:pt idx="9858">
                  <c:v>98580</c:v>
                </c:pt>
                <c:pt idx="9859">
                  <c:v>98590</c:v>
                </c:pt>
                <c:pt idx="9860">
                  <c:v>98600</c:v>
                </c:pt>
                <c:pt idx="9861">
                  <c:v>98610</c:v>
                </c:pt>
                <c:pt idx="9862">
                  <c:v>98620</c:v>
                </c:pt>
                <c:pt idx="9863">
                  <c:v>98630</c:v>
                </c:pt>
                <c:pt idx="9864">
                  <c:v>98640</c:v>
                </c:pt>
                <c:pt idx="9865">
                  <c:v>98650</c:v>
                </c:pt>
                <c:pt idx="9866">
                  <c:v>98660</c:v>
                </c:pt>
                <c:pt idx="9867">
                  <c:v>98670</c:v>
                </c:pt>
                <c:pt idx="9868">
                  <c:v>98680</c:v>
                </c:pt>
                <c:pt idx="9869">
                  <c:v>98690</c:v>
                </c:pt>
                <c:pt idx="9870">
                  <c:v>98700</c:v>
                </c:pt>
                <c:pt idx="9871">
                  <c:v>98710</c:v>
                </c:pt>
                <c:pt idx="9872">
                  <c:v>98720</c:v>
                </c:pt>
                <c:pt idx="9873">
                  <c:v>98730</c:v>
                </c:pt>
                <c:pt idx="9874">
                  <c:v>98740</c:v>
                </c:pt>
                <c:pt idx="9875">
                  <c:v>98750</c:v>
                </c:pt>
                <c:pt idx="9876">
                  <c:v>98760</c:v>
                </c:pt>
                <c:pt idx="9877">
                  <c:v>98770</c:v>
                </c:pt>
                <c:pt idx="9878">
                  <c:v>98780</c:v>
                </c:pt>
                <c:pt idx="9879">
                  <c:v>98790</c:v>
                </c:pt>
                <c:pt idx="9880">
                  <c:v>98800</c:v>
                </c:pt>
                <c:pt idx="9881">
                  <c:v>98810</c:v>
                </c:pt>
                <c:pt idx="9882">
                  <c:v>98820</c:v>
                </c:pt>
                <c:pt idx="9883">
                  <c:v>98830</c:v>
                </c:pt>
                <c:pt idx="9884">
                  <c:v>98840</c:v>
                </c:pt>
                <c:pt idx="9885">
                  <c:v>98850</c:v>
                </c:pt>
                <c:pt idx="9886">
                  <c:v>98860</c:v>
                </c:pt>
                <c:pt idx="9887">
                  <c:v>98870</c:v>
                </c:pt>
                <c:pt idx="9888">
                  <c:v>98880</c:v>
                </c:pt>
                <c:pt idx="9889">
                  <c:v>98890</c:v>
                </c:pt>
                <c:pt idx="9890">
                  <c:v>98900</c:v>
                </c:pt>
                <c:pt idx="9891">
                  <c:v>98910</c:v>
                </c:pt>
                <c:pt idx="9892">
                  <c:v>98920</c:v>
                </c:pt>
                <c:pt idx="9893">
                  <c:v>98930</c:v>
                </c:pt>
                <c:pt idx="9894">
                  <c:v>98940</c:v>
                </c:pt>
                <c:pt idx="9895">
                  <c:v>98950</c:v>
                </c:pt>
                <c:pt idx="9896">
                  <c:v>98960</c:v>
                </c:pt>
                <c:pt idx="9897">
                  <c:v>98970</c:v>
                </c:pt>
                <c:pt idx="9898">
                  <c:v>98980</c:v>
                </c:pt>
                <c:pt idx="9899">
                  <c:v>98990</c:v>
                </c:pt>
                <c:pt idx="9900">
                  <c:v>99000</c:v>
                </c:pt>
                <c:pt idx="9901">
                  <c:v>99010</c:v>
                </c:pt>
                <c:pt idx="9902">
                  <c:v>99020</c:v>
                </c:pt>
                <c:pt idx="9903">
                  <c:v>99030</c:v>
                </c:pt>
                <c:pt idx="9904">
                  <c:v>99040</c:v>
                </c:pt>
                <c:pt idx="9905">
                  <c:v>99050</c:v>
                </c:pt>
                <c:pt idx="9906">
                  <c:v>99060</c:v>
                </c:pt>
                <c:pt idx="9907">
                  <c:v>99070</c:v>
                </c:pt>
                <c:pt idx="9908">
                  <c:v>99080</c:v>
                </c:pt>
                <c:pt idx="9909">
                  <c:v>99090</c:v>
                </c:pt>
                <c:pt idx="9910">
                  <c:v>99100</c:v>
                </c:pt>
                <c:pt idx="9911">
                  <c:v>99110</c:v>
                </c:pt>
                <c:pt idx="9912">
                  <c:v>99120</c:v>
                </c:pt>
                <c:pt idx="9913">
                  <c:v>99130</c:v>
                </c:pt>
                <c:pt idx="9914">
                  <c:v>99140</c:v>
                </c:pt>
                <c:pt idx="9915">
                  <c:v>99150</c:v>
                </c:pt>
                <c:pt idx="9916">
                  <c:v>99160</c:v>
                </c:pt>
                <c:pt idx="9917">
                  <c:v>99170</c:v>
                </c:pt>
                <c:pt idx="9918">
                  <c:v>99180</c:v>
                </c:pt>
                <c:pt idx="9919">
                  <c:v>99190</c:v>
                </c:pt>
                <c:pt idx="9920">
                  <c:v>99200</c:v>
                </c:pt>
                <c:pt idx="9921">
                  <c:v>99210</c:v>
                </c:pt>
                <c:pt idx="9922">
                  <c:v>99220</c:v>
                </c:pt>
                <c:pt idx="9923">
                  <c:v>99230</c:v>
                </c:pt>
                <c:pt idx="9924">
                  <c:v>99240</c:v>
                </c:pt>
                <c:pt idx="9925">
                  <c:v>99250</c:v>
                </c:pt>
                <c:pt idx="9926">
                  <c:v>99260</c:v>
                </c:pt>
                <c:pt idx="9927">
                  <c:v>99270</c:v>
                </c:pt>
                <c:pt idx="9928">
                  <c:v>99280</c:v>
                </c:pt>
                <c:pt idx="9929">
                  <c:v>99290</c:v>
                </c:pt>
                <c:pt idx="9930">
                  <c:v>99300</c:v>
                </c:pt>
                <c:pt idx="9931">
                  <c:v>99310</c:v>
                </c:pt>
                <c:pt idx="9932">
                  <c:v>99320</c:v>
                </c:pt>
                <c:pt idx="9933">
                  <c:v>99330</c:v>
                </c:pt>
                <c:pt idx="9934">
                  <c:v>99340</c:v>
                </c:pt>
                <c:pt idx="9935">
                  <c:v>99350</c:v>
                </c:pt>
                <c:pt idx="9936">
                  <c:v>99360</c:v>
                </c:pt>
                <c:pt idx="9937">
                  <c:v>99370</c:v>
                </c:pt>
                <c:pt idx="9938">
                  <c:v>99380</c:v>
                </c:pt>
                <c:pt idx="9939">
                  <c:v>99390</c:v>
                </c:pt>
                <c:pt idx="9940">
                  <c:v>99400</c:v>
                </c:pt>
                <c:pt idx="9941">
                  <c:v>99410</c:v>
                </c:pt>
                <c:pt idx="9942">
                  <c:v>99420</c:v>
                </c:pt>
                <c:pt idx="9943">
                  <c:v>99430</c:v>
                </c:pt>
                <c:pt idx="9944">
                  <c:v>99440</c:v>
                </c:pt>
                <c:pt idx="9945">
                  <c:v>99450</c:v>
                </c:pt>
                <c:pt idx="9946">
                  <c:v>99460</c:v>
                </c:pt>
                <c:pt idx="9947">
                  <c:v>99470</c:v>
                </c:pt>
                <c:pt idx="9948">
                  <c:v>99480</c:v>
                </c:pt>
                <c:pt idx="9949">
                  <c:v>99490</c:v>
                </c:pt>
                <c:pt idx="9950">
                  <c:v>99500</c:v>
                </c:pt>
                <c:pt idx="9951">
                  <c:v>99510</c:v>
                </c:pt>
                <c:pt idx="9952">
                  <c:v>99520</c:v>
                </c:pt>
                <c:pt idx="9953">
                  <c:v>99530</c:v>
                </c:pt>
                <c:pt idx="9954">
                  <c:v>99540</c:v>
                </c:pt>
                <c:pt idx="9955">
                  <c:v>99550</c:v>
                </c:pt>
                <c:pt idx="9956">
                  <c:v>99560</c:v>
                </c:pt>
                <c:pt idx="9957">
                  <c:v>99570</c:v>
                </c:pt>
                <c:pt idx="9958">
                  <c:v>99580</c:v>
                </c:pt>
                <c:pt idx="9959">
                  <c:v>99590</c:v>
                </c:pt>
                <c:pt idx="9960">
                  <c:v>99600</c:v>
                </c:pt>
                <c:pt idx="9961">
                  <c:v>99610</c:v>
                </c:pt>
                <c:pt idx="9962">
                  <c:v>99620</c:v>
                </c:pt>
                <c:pt idx="9963">
                  <c:v>99630</c:v>
                </c:pt>
                <c:pt idx="9964">
                  <c:v>99640</c:v>
                </c:pt>
                <c:pt idx="9965">
                  <c:v>99650</c:v>
                </c:pt>
                <c:pt idx="9966">
                  <c:v>99660</c:v>
                </c:pt>
                <c:pt idx="9967">
                  <c:v>99670</c:v>
                </c:pt>
                <c:pt idx="9968">
                  <c:v>99680</c:v>
                </c:pt>
                <c:pt idx="9969">
                  <c:v>99690</c:v>
                </c:pt>
                <c:pt idx="9970">
                  <c:v>99700</c:v>
                </c:pt>
                <c:pt idx="9971">
                  <c:v>99710</c:v>
                </c:pt>
                <c:pt idx="9972">
                  <c:v>99720</c:v>
                </c:pt>
                <c:pt idx="9973">
                  <c:v>99730</c:v>
                </c:pt>
                <c:pt idx="9974">
                  <c:v>99740</c:v>
                </c:pt>
                <c:pt idx="9975">
                  <c:v>99750</c:v>
                </c:pt>
                <c:pt idx="9976">
                  <c:v>99760</c:v>
                </c:pt>
                <c:pt idx="9977">
                  <c:v>99770</c:v>
                </c:pt>
                <c:pt idx="9978">
                  <c:v>99780</c:v>
                </c:pt>
                <c:pt idx="9979">
                  <c:v>99790</c:v>
                </c:pt>
                <c:pt idx="9980">
                  <c:v>99800</c:v>
                </c:pt>
                <c:pt idx="9981">
                  <c:v>99810</c:v>
                </c:pt>
                <c:pt idx="9982">
                  <c:v>99820</c:v>
                </c:pt>
                <c:pt idx="9983">
                  <c:v>99830</c:v>
                </c:pt>
                <c:pt idx="9984">
                  <c:v>99840</c:v>
                </c:pt>
                <c:pt idx="9985">
                  <c:v>99850</c:v>
                </c:pt>
                <c:pt idx="9986">
                  <c:v>99860</c:v>
                </c:pt>
                <c:pt idx="9987">
                  <c:v>99870</c:v>
                </c:pt>
                <c:pt idx="9988">
                  <c:v>99880</c:v>
                </c:pt>
                <c:pt idx="9989">
                  <c:v>99890</c:v>
                </c:pt>
                <c:pt idx="9990">
                  <c:v>99900</c:v>
                </c:pt>
                <c:pt idx="9991">
                  <c:v>99910</c:v>
                </c:pt>
                <c:pt idx="9992">
                  <c:v>99920</c:v>
                </c:pt>
                <c:pt idx="9993">
                  <c:v>99930</c:v>
                </c:pt>
                <c:pt idx="9994">
                  <c:v>99940</c:v>
                </c:pt>
                <c:pt idx="9995">
                  <c:v>99950</c:v>
                </c:pt>
                <c:pt idx="9996">
                  <c:v>99960</c:v>
                </c:pt>
                <c:pt idx="9997">
                  <c:v>99970</c:v>
                </c:pt>
                <c:pt idx="9998">
                  <c:v>99980</c:v>
                </c:pt>
                <c:pt idx="9999">
                  <c:v>99990</c:v>
                </c:pt>
                <c:pt idx="10000">
                  <c:v>100000</c:v>
                </c:pt>
              </c:numCache>
            </c:numRef>
          </c:cat>
          <c:val>
            <c:numRef>
              <c:f>'tmp1'!$B$1:$B$10001</c:f>
              <c:numCache>
                <c:formatCode>General</c:formatCode>
                <c:ptCount val="10001"/>
                <c:pt idx="0">
                  <c:v>0.328762</c:v>
                </c:pt>
                <c:pt idx="1">
                  <c:v>0.29891600000000002</c:v>
                </c:pt>
                <c:pt idx="2">
                  <c:v>0.28050000000000003</c:v>
                </c:pt>
                <c:pt idx="3">
                  <c:v>0.271843</c:v>
                </c:pt>
                <c:pt idx="4">
                  <c:v>0.26727600000000001</c:v>
                </c:pt>
                <c:pt idx="5">
                  <c:v>0.26450299999999999</c:v>
                </c:pt>
                <c:pt idx="6">
                  <c:v>0.26265300000000003</c:v>
                </c:pt>
                <c:pt idx="7">
                  <c:v>0.261326</c:v>
                </c:pt>
                <c:pt idx="8">
                  <c:v>0.26033400000000001</c:v>
                </c:pt>
                <c:pt idx="9">
                  <c:v>0.25956400000000002</c:v>
                </c:pt>
                <c:pt idx="10">
                  <c:v>0.25894899999999998</c:v>
                </c:pt>
                <c:pt idx="11">
                  <c:v>0.25844400000000001</c:v>
                </c:pt>
                <c:pt idx="12">
                  <c:v>0.25802399999999998</c:v>
                </c:pt>
                <c:pt idx="13">
                  <c:v>0.25766699999999998</c:v>
                </c:pt>
                <c:pt idx="14">
                  <c:v>0.25735999999999998</c:v>
                </c:pt>
                <c:pt idx="15">
                  <c:v>0.25709599999999999</c:v>
                </c:pt>
                <c:pt idx="16">
                  <c:v>0.25686399999999998</c:v>
                </c:pt>
                <c:pt idx="17">
                  <c:v>0.25666</c:v>
                </c:pt>
                <c:pt idx="18">
                  <c:v>0.25647700000000001</c:v>
                </c:pt>
                <c:pt idx="19">
                  <c:v>0.25631300000000001</c:v>
                </c:pt>
                <c:pt idx="20">
                  <c:v>0.256166</c:v>
                </c:pt>
                <c:pt idx="21">
                  <c:v>0.25603300000000001</c:v>
                </c:pt>
                <c:pt idx="22">
                  <c:v>0.25591199999999997</c:v>
                </c:pt>
                <c:pt idx="23">
                  <c:v>0.25580199999999997</c:v>
                </c:pt>
                <c:pt idx="24">
                  <c:v>0.25569999999999998</c:v>
                </c:pt>
                <c:pt idx="25">
                  <c:v>0.255608</c:v>
                </c:pt>
                <c:pt idx="26">
                  <c:v>0.25552200000000003</c:v>
                </c:pt>
                <c:pt idx="27">
                  <c:v>0.255442</c:v>
                </c:pt>
                <c:pt idx="28">
                  <c:v>0.25536799999999998</c:v>
                </c:pt>
                <c:pt idx="29">
                  <c:v>0.25529800000000002</c:v>
                </c:pt>
                <c:pt idx="30">
                  <c:v>0.25523499999999999</c:v>
                </c:pt>
                <c:pt idx="31">
                  <c:v>0.25517499999999999</c:v>
                </c:pt>
                <c:pt idx="32">
                  <c:v>0.25511800000000001</c:v>
                </c:pt>
                <c:pt idx="33">
                  <c:v>0.25506400000000001</c:v>
                </c:pt>
                <c:pt idx="34">
                  <c:v>0.25501400000000002</c:v>
                </c:pt>
                <c:pt idx="35">
                  <c:v>0.254967</c:v>
                </c:pt>
                <c:pt idx="36">
                  <c:v>0.25492300000000001</c:v>
                </c:pt>
                <c:pt idx="37">
                  <c:v>0.25488100000000002</c:v>
                </c:pt>
                <c:pt idx="38">
                  <c:v>0.25484000000000001</c:v>
                </c:pt>
                <c:pt idx="39">
                  <c:v>0.254801</c:v>
                </c:pt>
                <c:pt idx="40">
                  <c:v>0.25476500000000002</c:v>
                </c:pt>
                <c:pt idx="41">
                  <c:v>0.25473099999999999</c:v>
                </c:pt>
                <c:pt idx="42">
                  <c:v>0.25469799999999998</c:v>
                </c:pt>
                <c:pt idx="43">
                  <c:v>0.25466699999999998</c:v>
                </c:pt>
                <c:pt idx="44">
                  <c:v>0.254637</c:v>
                </c:pt>
                <c:pt idx="45">
                  <c:v>0.254608</c:v>
                </c:pt>
                <c:pt idx="46">
                  <c:v>0.254581</c:v>
                </c:pt>
                <c:pt idx="47">
                  <c:v>0.25455499999999998</c:v>
                </c:pt>
                <c:pt idx="48">
                  <c:v>0.25452999999999998</c:v>
                </c:pt>
                <c:pt idx="49">
                  <c:v>0.25450499999999998</c:v>
                </c:pt>
                <c:pt idx="50">
                  <c:v>0.25448199999999999</c:v>
                </c:pt>
                <c:pt idx="51">
                  <c:v>0.25445899999999999</c:v>
                </c:pt>
                <c:pt idx="52">
                  <c:v>0.25443700000000002</c:v>
                </c:pt>
                <c:pt idx="53">
                  <c:v>0.254417</c:v>
                </c:pt>
                <c:pt idx="54">
                  <c:v>0.25439699999999998</c:v>
                </c:pt>
                <c:pt idx="55">
                  <c:v>0.25437799999999999</c:v>
                </c:pt>
                <c:pt idx="56">
                  <c:v>0.254359</c:v>
                </c:pt>
                <c:pt idx="57">
                  <c:v>0.25434099999999998</c:v>
                </c:pt>
                <c:pt idx="58">
                  <c:v>0.25432399999999999</c:v>
                </c:pt>
                <c:pt idx="59">
                  <c:v>0.25430799999999998</c:v>
                </c:pt>
                <c:pt idx="60">
                  <c:v>0.25429200000000002</c:v>
                </c:pt>
                <c:pt idx="61">
                  <c:v>0.25427499999999997</c:v>
                </c:pt>
                <c:pt idx="62">
                  <c:v>0.25425999999999999</c:v>
                </c:pt>
                <c:pt idx="63">
                  <c:v>0.25424600000000003</c:v>
                </c:pt>
                <c:pt idx="64">
                  <c:v>0.25423200000000001</c:v>
                </c:pt>
                <c:pt idx="65">
                  <c:v>0.254218</c:v>
                </c:pt>
                <c:pt idx="66">
                  <c:v>0.25420500000000001</c:v>
                </c:pt>
                <c:pt idx="67">
                  <c:v>0.25419199999999997</c:v>
                </c:pt>
                <c:pt idx="68">
                  <c:v>0.25417899999999999</c:v>
                </c:pt>
                <c:pt idx="69">
                  <c:v>0.25416699999999998</c:v>
                </c:pt>
                <c:pt idx="70">
                  <c:v>0.25415500000000002</c:v>
                </c:pt>
                <c:pt idx="71">
                  <c:v>0.25414300000000001</c:v>
                </c:pt>
                <c:pt idx="72">
                  <c:v>0.25413200000000002</c:v>
                </c:pt>
                <c:pt idx="73">
                  <c:v>0.25412099999999999</c:v>
                </c:pt>
                <c:pt idx="74">
                  <c:v>0.25411</c:v>
                </c:pt>
                <c:pt idx="75">
                  <c:v>0.25409999999999999</c:v>
                </c:pt>
                <c:pt idx="76">
                  <c:v>0.25408999999999998</c:v>
                </c:pt>
                <c:pt idx="77">
                  <c:v>0.254079</c:v>
                </c:pt>
                <c:pt idx="78">
                  <c:v>0.25407000000000002</c:v>
                </c:pt>
                <c:pt idx="79">
                  <c:v>0.25406000000000001</c:v>
                </c:pt>
                <c:pt idx="80">
                  <c:v>0.25405100000000003</c:v>
                </c:pt>
                <c:pt idx="81">
                  <c:v>0.25404199999999999</c:v>
                </c:pt>
                <c:pt idx="82">
                  <c:v>0.25403300000000001</c:v>
                </c:pt>
                <c:pt idx="83">
                  <c:v>0.254025</c:v>
                </c:pt>
                <c:pt idx="84">
                  <c:v>0.25401600000000002</c:v>
                </c:pt>
                <c:pt idx="85">
                  <c:v>0.25400800000000001</c:v>
                </c:pt>
                <c:pt idx="86">
                  <c:v>0.254</c:v>
                </c:pt>
                <c:pt idx="87">
                  <c:v>0.253992</c:v>
                </c:pt>
                <c:pt idx="88">
                  <c:v>0.25398399999999999</c:v>
                </c:pt>
                <c:pt idx="89">
                  <c:v>0.25397599999999998</c:v>
                </c:pt>
                <c:pt idx="90">
                  <c:v>0.253969</c:v>
                </c:pt>
                <c:pt idx="91">
                  <c:v>0.25396200000000002</c:v>
                </c:pt>
                <c:pt idx="92">
                  <c:v>0.25395499999999999</c:v>
                </c:pt>
                <c:pt idx="93">
                  <c:v>0.25394800000000001</c:v>
                </c:pt>
                <c:pt idx="94">
                  <c:v>0.253942</c:v>
                </c:pt>
                <c:pt idx="95">
                  <c:v>0.25393500000000002</c:v>
                </c:pt>
                <c:pt idx="96">
                  <c:v>0.25392799999999999</c:v>
                </c:pt>
                <c:pt idx="97">
                  <c:v>0.25392199999999998</c:v>
                </c:pt>
                <c:pt idx="98">
                  <c:v>0.253915</c:v>
                </c:pt>
                <c:pt idx="99">
                  <c:v>0.253909</c:v>
                </c:pt>
                <c:pt idx="100">
                  <c:v>0.25390299999999999</c:v>
                </c:pt>
                <c:pt idx="101">
                  <c:v>0.25389699999999998</c:v>
                </c:pt>
                <c:pt idx="102">
                  <c:v>0.25389099999999998</c:v>
                </c:pt>
                <c:pt idx="103">
                  <c:v>0.253886</c:v>
                </c:pt>
                <c:pt idx="104">
                  <c:v>0.25387999999999999</c:v>
                </c:pt>
                <c:pt idx="105">
                  <c:v>0.25387399999999999</c:v>
                </c:pt>
                <c:pt idx="106">
                  <c:v>0.25386799999999998</c:v>
                </c:pt>
                <c:pt idx="107">
                  <c:v>0.25386300000000001</c:v>
                </c:pt>
                <c:pt idx="108">
                  <c:v>0.25385799999999997</c:v>
                </c:pt>
                <c:pt idx="109">
                  <c:v>0.253853</c:v>
                </c:pt>
                <c:pt idx="110">
                  <c:v>0.25384800000000002</c:v>
                </c:pt>
                <c:pt idx="111">
                  <c:v>0.25384299999999999</c:v>
                </c:pt>
                <c:pt idx="112">
                  <c:v>0.25383800000000001</c:v>
                </c:pt>
                <c:pt idx="113">
                  <c:v>0.25383299999999998</c:v>
                </c:pt>
                <c:pt idx="114">
                  <c:v>0.253828</c:v>
                </c:pt>
                <c:pt idx="115">
                  <c:v>0.25382300000000002</c:v>
                </c:pt>
                <c:pt idx="116">
                  <c:v>0.25381900000000002</c:v>
                </c:pt>
                <c:pt idx="117">
                  <c:v>0.25381399999999998</c:v>
                </c:pt>
                <c:pt idx="118">
                  <c:v>0.25380999999999998</c:v>
                </c:pt>
                <c:pt idx="119">
                  <c:v>0.25380599999999998</c:v>
                </c:pt>
                <c:pt idx="120">
                  <c:v>0.253801</c:v>
                </c:pt>
                <c:pt idx="121">
                  <c:v>0.25379699999999999</c:v>
                </c:pt>
                <c:pt idx="122">
                  <c:v>0.25379299999999999</c:v>
                </c:pt>
                <c:pt idx="123">
                  <c:v>0.25378899999999999</c:v>
                </c:pt>
                <c:pt idx="124">
                  <c:v>0.25378400000000001</c:v>
                </c:pt>
                <c:pt idx="125">
                  <c:v>0.25378000000000001</c:v>
                </c:pt>
                <c:pt idx="126">
                  <c:v>0.253776</c:v>
                </c:pt>
                <c:pt idx="127">
                  <c:v>0.253772</c:v>
                </c:pt>
                <c:pt idx="128">
                  <c:v>0.25376900000000002</c:v>
                </c:pt>
                <c:pt idx="129">
                  <c:v>0.25376500000000002</c:v>
                </c:pt>
                <c:pt idx="130">
                  <c:v>0.25376100000000001</c:v>
                </c:pt>
                <c:pt idx="131">
                  <c:v>0.25375700000000001</c:v>
                </c:pt>
                <c:pt idx="132">
                  <c:v>0.25375399999999998</c:v>
                </c:pt>
                <c:pt idx="133">
                  <c:v>0.25374999999999998</c:v>
                </c:pt>
                <c:pt idx="134">
                  <c:v>0.253747</c:v>
                </c:pt>
                <c:pt idx="135">
                  <c:v>0.253743</c:v>
                </c:pt>
                <c:pt idx="136">
                  <c:v>0.25373899999999999</c:v>
                </c:pt>
                <c:pt idx="137">
                  <c:v>0.25373600000000002</c:v>
                </c:pt>
                <c:pt idx="138">
                  <c:v>0.25373200000000001</c:v>
                </c:pt>
                <c:pt idx="139">
                  <c:v>0.25372899999999998</c:v>
                </c:pt>
                <c:pt idx="140">
                  <c:v>0.25372600000000001</c:v>
                </c:pt>
                <c:pt idx="141">
                  <c:v>0.253722</c:v>
                </c:pt>
                <c:pt idx="142">
                  <c:v>0.25371899999999997</c:v>
                </c:pt>
                <c:pt idx="143">
                  <c:v>0.253716</c:v>
                </c:pt>
                <c:pt idx="144">
                  <c:v>0.25371300000000002</c:v>
                </c:pt>
                <c:pt idx="145">
                  <c:v>0.25370999999999999</c:v>
                </c:pt>
                <c:pt idx="146">
                  <c:v>0.25370700000000002</c:v>
                </c:pt>
                <c:pt idx="147">
                  <c:v>0.25370399999999999</c:v>
                </c:pt>
                <c:pt idx="148">
                  <c:v>0.25370100000000001</c:v>
                </c:pt>
                <c:pt idx="149">
                  <c:v>0.25369799999999998</c:v>
                </c:pt>
                <c:pt idx="150">
                  <c:v>0.253695</c:v>
                </c:pt>
                <c:pt idx="151">
                  <c:v>0.25369199999999997</c:v>
                </c:pt>
                <c:pt idx="152">
                  <c:v>0.253689</c:v>
                </c:pt>
                <c:pt idx="153">
                  <c:v>0.25368600000000002</c:v>
                </c:pt>
                <c:pt idx="154">
                  <c:v>0.25368400000000002</c:v>
                </c:pt>
                <c:pt idx="155">
                  <c:v>0.25368099999999999</c:v>
                </c:pt>
                <c:pt idx="156">
                  <c:v>0.25367800000000001</c:v>
                </c:pt>
                <c:pt idx="157">
                  <c:v>0.25367499999999998</c:v>
                </c:pt>
                <c:pt idx="158">
                  <c:v>0.25367200000000001</c:v>
                </c:pt>
                <c:pt idx="159">
                  <c:v>0.25367000000000001</c:v>
                </c:pt>
                <c:pt idx="160">
                  <c:v>0.25366699999999998</c:v>
                </c:pt>
                <c:pt idx="161">
                  <c:v>0.25366499999999997</c:v>
                </c:pt>
                <c:pt idx="162">
                  <c:v>0.253662</c:v>
                </c:pt>
                <c:pt idx="163">
                  <c:v>0.25365900000000002</c:v>
                </c:pt>
                <c:pt idx="164">
                  <c:v>0.25365700000000002</c:v>
                </c:pt>
                <c:pt idx="165">
                  <c:v>0.25365399999999999</c:v>
                </c:pt>
                <c:pt idx="166">
                  <c:v>0.25365199999999999</c:v>
                </c:pt>
                <c:pt idx="167">
                  <c:v>0.25364900000000001</c:v>
                </c:pt>
                <c:pt idx="168">
                  <c:v>0.25364700000000001</c:v>
                </c:pt>
                <c:pt idx="169">
                  <c:v>0.25364500000000001</c:v>
                </c:pt>
                <c:pt idx="170">
                  <c:v>0.25364199999999998</c:v>
                </c:pt>
                <c:pt idx="171">
                  <c:v>0.25363999999999998</c:v>
                </c:pt>
                <c:pt idx="172">
                  <c:v>0.25363799999999997</c:v>
                </c:pt>
                <c:pt idx="173">
                  <c:v>0.25363599999999997</c:v>
                </c:pt>
                <c:pt idx="174">
                  <c:v>0.253633</c:v>
                </c:pt>
                <c:pt idx="175">
                  <c:v>0.253631</c:v>
                </c:pt>
                <c:pt idx="176">
                  <c:v>0.25362899999999999</c:v>
                </c:pt>
                <c:pt idx="177">
                  <c:v>0.25362699999999999</c:v>
                </c:pt>
                <c:pt idx="178">
                  <c:v>0.25362400000000002</c:v>
                </c:pt>
                <c:pt idx="179">
                  <c:v>0.25362200000000001</c:v>
                </c:pt>
                <c:pt idx="180">
                  <c:v>0.25362000000000001</c:v>
                </c:pt>
                <c:pt idx="181">
                  <c:v>0.25361800000000001</c:v>
                </c:pt>
                <c:pt idx="182">
                  <c:v>0.25361600000000001</c:v>
                </c:pt>
                <c:pt idx="183">
                  <c:v>0.25361400000000001</c:v>
                </c:pt>
                <c:pt idx="184">
                  <c:v>0.253612</c:v>
                </c:pt>
                <c:pt idx="185">
                  <c:v>0.25361</c:v>
                </c:pt>
                <c:pt idx="186">
                  <c:v>0.25360700000000003</c:v>
                </c:pt>
                <c:pt idx="187">
                  <c:v>0.25360500000000002</c:v>
                </c:pt>
                <c:pt idx="188">
                  <c:v>0.25360300000000002</c:v>
                </c:pt>
                <c:pt idx="189">
                  <c:v>0.25360100000000002</c:v>
                </c:pt>
                <c:pt idx="190">
                  <c:v>0.25359900000000002</c:v>
                </c:pt>
                <c:pt idx="191">
                  <c:v>0.25359700000000002</c:v>
                </c:pt>
                <c:pt idx="192">
                  <c:v>0.25359500000000001</c:v>
                </c:pt>
                <c:pt idx="193">
                  <c:v>0.25359399999999999</c:v>
                </c:pt>
                <c:pt idx="194">
                  <c:v>0.25359199999999998</c:v>
                </c:pt>
                <c:pt idx="195">
                  <c:v>0.25358999999999998</c:v>
                </c:pt>
                <c:pt idx="196">
                  <c:v>0.25358799999999998</c:v>
                </c:pt>
                <c:pt idx="197">
                  <c:v>0.25358599999999998</c:v>
                </c:pt>
                <c:pt idx="198">
                  <c:v>0.25358399999999998</c:v>
                </c:pt>
                <c:pt idx="199">
                  <c:v>0.25358199999999997</c:v>
                </c:pt>
                <c:pt idx="200">
                  <c:v>0.25358000000000003</c:v>
                </c:pt>
                <c:pt idx="201">
                  <c:v>0.25357800000000003</c:v>
                </c:pt>
                <c:pt idx="202">
                  <c:v>0.253577</c:v>
                </c:pt>
                <c:pt idx="203">
                  <c:v>0.25357499999999999</c:v>
                </c:pt>
                <c:pt idx="204">
                  <c:v>0.25357299999999999</c:v>
                </c:pt>
                <c:pt idx="205">
                  <c:v>0.25357099999999999</c:v>
                </c:pt>
                <c:pt idx="206">
                  <c:v>0.25356899999999999</c:v>
                </c:pt>
                <c:pt idx="207">
                  <c:v>0.25356800000000002</c:v>
                </c:pt>
                <c:pt idx="208">
                  <c:v>0.25356600000000001</c:v>
                </c:pt>
                <c:pt idx="209">
                  <c:v>0.25356400000000001</c:v>
                </c:pt>
                <c:pt idx="210">
                  <c:v>0.25356299999999998</c:v>
                </c:pt>
                <c:pt idx="211">
                  <c:v>0.25356099999999998</c:v>
                </c:pt>
                <c:pt idx="212">
                  <c:v>0.25355899999999998</c:v>
                </c:pt>
                <c:pt idx="213">
                  <c:v>0.25355800000000001</c:v>
                </c:pt>
                <c:pt idx="214">
                  <c:v>0.253556</c:v>
                </c:pt>
                <c:pt idx="215">
                  <c:v>0.253554</c:v>
                </c:pt>
                <c:pt idx="216">
                  <c:v>0.25355299999999997</c:v>
                </c:pt>
                <c:pt idx="217">
                  <c:v>0.25355100000000003</c:v>
                </c:pt>
                <c:pt idx="218">
                  <c:v>0.25355</c:v>
                </c:pt>
                <c:pt idx="219">
                  <c:v>0.253548</c:v>
                </c:pt>
                <c:pt idx="220">
                  <c:v>0.25354700000000002</c:v>
                </c:pt>
                <c:pt idx="221">
                  <c:v>0.25354500000000002</c:v>
                </c:pt>
                <c:pt idx="222">
                  <c:v>0.25354399999999999</c:v>
                </c:pt>
                <c:pt idx="223">
                  <c:v>0.25354199999999999</c:v>
                </c:pt>
                <c:pt idx="224">
                  <c:v>0.25354100000000002</c:v>
                </c:pt>
                <c:pt idx="225">
                  <c:v>0.25353900000000001</c:v>
                </c:pt>
                <c:pt idx="226">
                  <c:v>0.25353700000000001</c:v>
                </c:pt>
                <c:pt idx="227">
                  <c:v>0.25353599999999998</c:v>
                </c:pt>
                <c:pt idx="228">
                  <c:v>0.25353399999999998</c:v>
                </c:pt>
                <c:pt idx="229">
                  <c:v>0.25353300000000001</c:v>
                </c:pt>
                <c:pt idx="230">
                  <c:v>0.25353100000000001</c:v>
                </c:pt>
                <c:pt idx="231">
                  <c:v>0.25352999999999998</c:v>
                </c:pt>
                <c:pt idx="232">
                  <c:v>0.253529</c:v>
                </c:pt>
                <c:pt idx="233">
                  <c:v>0.253527</c:v>
                </c:pt>
                <c:pt idx="234">
                  <c:v>0.25352599999999997</c:v>
                </c:pt>
                <c:pt idx="235">
                  <c:v>0.25352400000000003</c:v>
                </c:pt>
                <c:pt idx="236">
                  <c:v>0.253523</c:v>
                </c:pt>
                <c:pt idx="237">
                  <c:v>0.253521</c:v>
                </c:pt>
                <c:pt idx="238">
                  <c:v>0.25352000000000002</c:v>
                </c:pt>
                <c:pt idx="239">
                  <c:v>0.25351899999999999</c:v>
                </c:pt>
                <c:pt idx="240">
                  <c:v>0.25351699999999999</c:v>
                </c:pt>
                <c:pt idx="241">
                  <c:v>0.25351600000000002</c:v>
                </c:pt>
                <c:pt idx="242">
                  <c:v>0.25351499999999999</c:v>
                </c:pt>
                <c:pt idx="243">
                  <c:v>0.25351299999999999</c:v>
                </c:pt>
                <c:pt idx="244">
                  <c:v>0.25351200000000002</c:v>
                </c:pt>
                <c:pt idx="245">
                  <c:v>0.25351099999999999</c:v>
                </c:pt>
                <c:pt idx="246">
                  <c:v>0.25350899999999998</c:v>
                </c:pt>
                <c:pt idx="247">
                  <c:v>0.25350800000000001</c:v>
                </c:pt>
                <c:pt idx="248">
                  <c:v>0.25350699999999998</c:v>
                </c:pt>
                <c:pt idx="249">
                  <c:v>0.25350499999999998</c:v>
                </c:pt>
                <c:pt idx="250">
                  <c:v>0.25350400000000001</c:v>
                </c:pt>
                <c:pt idx="251">
                  <c:v>0.25350299999999998</c:v>
                </c:pt>
                <c:pt idx="252">
                  <c:v>0.25350200000000001</c:v>
                </c:pt>
                <c:pt idx="253">
                  <c:v>0.2535</c:v>
                </c:pt>
                <c:pt idx="254">
                  <c:v>0.25349899999999997</c:v>
                </c:pt>
                <c:pt idx="255">
                  <c:v>0.253498</c:v>
                </c:pt>
                <c:pt idx="256">
                  <c:v>0.253496</c:v>
                </c:pt>
                <c:pt idx="257">
                  <c:v>0.25349500000000003</c:v>
                </c:pt>
                <c:pt idx="258">
                  <c:v>0.253494</c:v>
                </c:pt>
                <c:pt idx="259">
                  <c:v>0.25349300000000002</c:v>
                </c:pt>
                <c:pt idx="260">
                  <c:v>0.253492</c:v>
                </c:pt>
                <c:pt idx="261">
                  <c:v>0.25348999999999999</c:v>
                </c:pt>
                <c:pt idx="262">
                  <c:v>0.25348900000000002</c:v>
                </c:pt>
                <c:pt idx="263">
                  <c:v>0.25348799999999999</c:v>
                </c:pt>
                <c:pt idx="264">
                  <c:v>0.25348700000000002</c:v>
                </c:pt>
                <c:pt idx="265">
                  <c:v>0.25348599999999999</c:v>
                </c:pt>
                <c:pt idx="266">
                  <c:v>0.25348500000000002</c:v>
                </c:pt>
                <c:pt idx="267">
                  <c:v>0.25348300000000001</c:v>
                </c:pt>
                <c:pt idx="268">
                  <c:v>0.25348199999999999</c:v>
                </c:pt>
                <c:pt idx="269">
                  <c:v>0.25348100000000001</c:v>
                </c:pt>
                <c:pt idx="270">
                  <c:v>0.25347999999999998</c:v>
                </c:pt>
                <c:pt idx="271">
                  <c:v>0.25347900000000001</c:v>
                </c:pt>
                <c:pt idx="272">
                  <c:v>0.25347799999999998</c:v>
                </c:pt>
                <c:pt idx="273">
                  <c:v>0.25347700000000001</c:v>
                </c:pt>
                <c:pt idx="274">
                  <c:v>0.25347500000000001</c:v>
                </c:pt>
                <c:pt idx="275">
                  <c:v>0.25347399999999998</c:v>
                </c:pt>
                <c:pt idx="276">
                  <c:v>0.253473</c:v>
                </c:pt>
                <c:pt idx="277">
                  <c:v>0.25347199999999998</c:v>
                </c:pt>
                <c:pt idx="278">
                  <c:v>0.253471</c:v>
                </c:pt>
                <c:pt idx="279">
                  <c:v>0.25346999999999997</c:v>
                </c:pt>
                <c:pt idx="280">
                  <c:v>0.253469</c:v>
                </c:pt>
                <c:pt idx="281">
                  <c:v>0.25346800000000003</c:v>
                </c:pt>
                <c:pt idx="282">
                  <c:v>0.253467</c:v>
                </c:pt>
                <c:pt idx="283">
                  <c:v>0.25346600000000002</c:v>
                </c:pt>
                <c:pt idx="284">
                  <c:v>0.253465</c:v>
                </c:pt>
                <c:pt idx="285">
                  <c:v>0.25346299999999999</c:v>
                </c:pt>
                <c:pt idx="286">
                  <c:v>0.25346200000000002</c:v>
                </c:pt>
                <c:pt idx="287">
                  <c:v>0.25346099999999999</c:v>
                </c:pt>
                <c:pt idx="288">
                  <c:v>0.25346000000000002</c:v>
                </c:pt>
                <c:pt idx="289">
                  <c:v>0.25345899999999999</c:v>
                </c:pt>
                <c:pt idx="290">
                  <c:v>0.25345800000000002</c:v>
                </c:pt>
                <c:pt idx="291">
                  <c:v>0.25345699999999999</c:v>
                </c:pt>
                <c:pt idx="292">
                  <c:v>0.25345600000000001</c:v>
                </c:pt>
                <c:pt idx="293">
                  <c:v>0.25345499999999999</c:v>
                </c:pt>
                <c:pt idx="294">
                  <c:v>0.25345400000000001</c:v>
                </c:pt>
                <c:pt idx="295">
                  <c:v>0.25345299999999998</c:v>
                </c:pt>
                <c:pt idx="296">
                  <c:v>0.25345200000000001</c:v>
                </c:pt>
                <c:pt idx="297">
                  <c:v>0.25345099999999998</c:v>
                </c:pt>
                <c:pt idx="298">
                  <c:v>0.25345000000000001</c:v>
                </c:pt>
                <c:pt idx="299">
                  <c:v>0.25344899999999998</c:v>
                </c:pt>
                <c:pt idx="300">
                  <c:v>0.25344800000000001</c:v>
                </c:pt>
                <c:pt idx="301">
                  <c:v>0.25344699999999998</c:v>
                </c:pt>
                <c:pt idx="302">
                  <c:v>0.253446</c:v>
                </c:pt>
                <c:pt idx="303">
                  <c:v>0.25344499999999998</c:v>
                </c:pt>
                <c:pt idx="304">
                  <c:v>0.253444</c:v>
                </c:pt>
                <c:pt idx="305">
                  <c:v>0.25344299999999997</c:v>
                </c:pt>
                <c:pt idx="306">
                  <c:v>0.253442</c:v>
                </c:pt>
                <c:pt idx="307">
                  <c:v>0.25344100000000003</c:v>
                </c:pt>
                <c:pt idx="308">
                  <c:v>0.25344</c:v>
                </c:pt>
                <c:pt idx="309">
                  <c:v>0.25343900000000003</c:v>
                </c:pt>
                <c:pt idx="310">
                  <c:v>0.253438</c:v>
                </c:pt>
                <c:pt idx="311">
                  <c:v>0.25343700000000002</c:v>
                </c:pt>
                <c:pt idx="312">
                  <c:v>0.25343599999999999</c:v>
                </c:pt>
                <c:pt idx="313">
                  <c:v>0.25343500000000002</c:v>
                </c:pt>
                <c:pt idx="314">
                  <c:v>0.25343399999999999</c:v>
                </c:pt>
                <c:pt idx="315">
                  <c:v>0.25343399999999999</c:v>
                </c:pt>
                <c:pt idx="316">
                  <c:v>0.25343300000000002</c:v>
                </c:pt>
                <c:pt idx="317">
                  <c:v>0.25343199999999999</c:v>
                </c:pt>
                <c:pt idx="318">
                  <c:v>0.25343100000000002</c:v>
                </c:pt>
                <c:pt idx="319">
                  <c:v>0.25342999999999999</c:v>
                </c:pt>
                <c:pt idx="320">
                  <c:v>0.25342900000000002</c:v>
                </c:pt>
                <c:pt idx="321">
                  <c:v>0.25342799999999999</c:v>
                </c:pt>
                <c:pt idx="322">
                  <c:v>0.25342700000000001</c:v>
                </c:pt>
                <c:pt idx="323">
                  <c:v>0.25342599999999998</c:v>
                </c:pt>
                <c:pt idx="324">
                  <c:v>0.25342500000000001</c:v>
                </c:pt>
                <c:pt idx="325">
                  <c:v>0.25342399999999998</c:v>
                </c:pt>
                <c:pt idx="326">
                  <c:v>0.25342300000000001</c:v>
                </c:pt>
                <c:pt idx="327">
                  <c:v>0.25342300000000001</c:v>
                </c:pt>
                <c:pt idx="328">
                  <c:v>0.25342199999999998</c:v>
                </c:pt>
                <c:pt idx="329">
                  <c:v>0.25342100000000001</c:v>
                </c:pt>
                <c:pt idx="330">
                  <c:v>0.25341999999999998</c:v>
                </c:pt>
                <c:pt idx="331">
                  <c:v>0.25341900000000001</c:v>
                </c:pt>
                <c:pt idx="332">
                  <c:v>0.25341799999999998</c:v>
                </c:pt>
                <c:pt idx="333">
                  <c:v>0.253417</c:v>
                </c:pt>
                <c:pt idx="334">
                  <c:v>0.25341599999999997</c:v>
                </c:pt>
                <c:pt idx="335">
                  <c:v>0.253415</c:v>
                </c:pt>
                <c:pt idx="336">
                  <c:v>0.25341399999999997</c:v>
                </c:pt>
                <c:pt idx="337">
                  <c:v>0.253413</c:v>
                </c:pt>
                <c:pt idx="338">
                  <c:v>0.253413</c:v>
                </c:pt>
                <c:pt idx="339">
                  <c:v>0.25341200000000003</c:v>
                </c:pt>
                <c:pt idx="340">
                  <c:v>0.253411</c:v>
                </c:pt>
                <c:pt idx="341">
                  <c:v>0.25341000000000002</c:v>
                </c:pt>
                <c:pt idx="342">
                  <c:v>0.253409</c:v>
                </c:pt>
                <c:pt idx="343">
                  <c:v>0.25340800000000002</c:v>
                </c:pt>
                <c:pt idx="344">
                  <c:v>0.25340699999999999</c:v>
                </c:pt>
                <c:pt idx="345">
                  <c:v>0.25340699999999999</c:v>
                </c:pt>
                <c:pt idx="346">
                  <c:v>0.25340600000000002</c:v>
                </c:pt>
                <c:pt idx="347">
                  <c:v>0.25340499999999999</c:v>
                </c:pt>
                <c:pt idx="348">
                  <c:v>0.25340400000000002</c:v>
                </c:pt>
                <c:pt idx="349">
                  <c:v>0.25340299999999999</c:v>
                </c:pt>
                <c:pt idx="350">
                  <c:v>0.25340200000000002</c:v>
                </c:pt>
                <c:pt idx="351">
                  <c:v>0.25340200000000002</c:v>
                </c:pt>
                <c:pt idx="352">
                  <c:v>0.25340099999999999</c:v>
                </c:pt>
                <c:pt idx="353">
                  <c:v>0.25340000000000001</c:v>
                </c:pt>
                <c:pt idx="354">
                  <c:v>0.25339899999999999</c:v>
                </c:pt>
                <c:pt idx="355">
                  <c:v>0.25339800000000001</c:v>
                </c:pt>
                <c:pt idx="356">
                  <c:v>0.25339699999999998</c:v>
                </c:pt>
                <c:pt idx="357">
                  <c:v>0.25339699999999998</c:v>
                </c:pt>
                <c:pt idx="358">
                  <c:v>0.25339600000000001</c:v>
                </c:pt>
                <c:pt idx="359">
                  <c:v>0.25339499999999998</c:v>
                </c:pt>
                <c:pt idx="360">
                  <c:v>0.25339400000000001</c:v>
                </c:pt>
                <c:pt idx="361">
                  <c:v>0.25339299999999998</c:v>
                </c:pt>
                <c:pt idx="362">
                  <c:v>0.25339200000000001</c:v>
                </c:pt>
                <c:pt idx="363">
                  <c:v>0.25339200000000001</c:v>
                </c:pt>
                <c:pt idx="364">
                  <c:v>0.25339099999999998</c:v>
                </c:pt>
                <c:pt idx="365">
                  <c:v>0.25339</c:v>
                </c:pt>
                <c:pt idx="366">
                  <c:v>0.25338899999999998</c:v>
                </c:pt>
                <c:pt idx="367">
                  <c:v>0.253388</c:v>
                </c:pt>
                <c:pt idx="368">
                  <c:v>0.25338699999999997</c:v>
                </c:pt>
                <c:pt idx="369">
                  <c:v>0.25338699999999997</c:v>
                </c:pt>
                <c:pt idx="370">
                  <c:v>0.253386</c:v>
                </c:pt>
                <c:pt idx="371">
                  <c:v>0.25338500000000003</c:v>
                </c:pt>
                <c:pt idx="372">
                  <c:v>0.253384</c:v>
                </c:pt>
                <c:pt idx="373">
                  <c:v>0.25338300000000002</c:v>
                </c:pt>
                <c:pt idx="374">
                  <c:v>0.25338300000000002</c:v>
                </c:pt>
                <c:pt idx="375">
                  <c:v>0.253382</c:v>
                </c:pt>
                <c:pt idx="376">
                  <c:v>0.25338100000000002</c:v>
                </c:pt>
                <c:pt idx="377">
                  <c:v>0.25337999999999999</c:v>
                </c:pt>
                <c:pt idx="378">
                  <c:v>0.25337999999999999</c:v>
                </c:pt>
                <c:pt idx="379">
                  <c:v>0.25337900000000002</c:v>
                </c:pt>
                <c:pt idx="380">
                  <c:v>0.25337799999999999</c:v>
                </c:pt>
                <c:pt idx="381">
                  <c:v>0.25337700000000002</c:v>
                </c:pt>
                <c:pt idx="382">
                  <c:v>0.25337599999999999</c:v>
                </c:pt>
                <c:pt idx="383">
                  <c:v>0.25337599999999999</c:v>
                </c:pt>
                <c:pt idx="384">
                  <c:v>0.25337500000000002</c:v>
                </c:pt>
                <c:pt idx="385">
                  <c:v>0.25337399999999999</c:v>
                </c:pt>
                <c:pt idx="386">
                  <c:v>0.25337300000000001</c:v>
                </c:pt>
                <c:pt idx="387">
                  <c:v>0.25337199999999999</c:v>
                </c:pt>
                <c:pt idx="388">
                  <c:v>0.25337199999999999</c:v>
                </c:pt>
                <c:pt idx="389">
                  <c:v>0.25337100000000001</c:v>
                </c:pt>
                <c:pt idx="390">
                  <c:v>0.25336999999999998</c:v>
                </c:pt>
                <c:pt idx="391">
                  <c:v>0.25336900000000001</c:v>
                </c:pt>
                <c:pt idx="392">
                  <c:v>0.25336900000000001</c:v>
                </c:pt>
                <c:pt idx="393">
                  <c:v>0.25336799999999998</c:v>
                </c:pt>
                <c:pt idx="394">
                  <c:v>0.25336700000000001</c:v>
                </c:pt>
                <c:pt idx="395">
                  <c:v>0.25336599999999998</c:v>
                </c:pt>
                <c:pt idx="396">
                  <c:v>0.25336599999999998</c:v>
                </c:pt>
                <c:pt idx="397">
                  <c:v>0.25336500000000001</c:v>
                </c:pt>
                <c:pt idx="398">
                  <c:v>0.25336399999999998</c:v>
                </c:pt>
                <c:pt idx="399">
                  <c:v>0.253363</c:v>
                </c:pt>
                <c:pt idx="400">
                  <c:v>0.253363</c:v>
                </c:pt>
                <c:pt idx="401">
                  <c:v>0.25336199999999998</c:v>
                </c:pt>
                <c:pt idx="402">
                  <c:v>0.253361</c:v>
                </c:pt>
                <c:pt idx="403">
                  <c:v>0.25335999999999997</c:v>
                </c:pt>
                <c:pt idx="404">
                  <c:v>0.25335999999999997</c:v>
                </c:pt>
                <c:pt idx="405">
                  <c:v>0.253359</c:v>
                </c:pt>
                <c:pt idx="406">
                  <c:v>0.25335800000000003</c:v>
                </c:pt>
                <c:pt idx="407">
                  <c:v>0.253357</c:v>
                </c:pt>
                <c:pt idx="408">
                  <c:v>0.253357</c:v>
                </c:pt>
                <c:pt idx="409">
                  <c:v>0.25335600000000003</c:v>
                </c:pt>
                <c:pt idx="410">
                  <c:v>0.253355</c:v>
                </c:pt>
                <c:pt idx="411">
                  <c:v>0.25335400000000002</c:v>
                </c:pt>
                <c:pt idx="412">
                  <c:v>0.25335400000000002</c:v>
                </c:pt>
                <c:pt idx="413">
                  <c:v>0.25335299999999999</c:v>
                </c:pt>
                <c:pt idx="414">
                  <c:v>0.25335200000000002</c:v>
                </c:pt>
                <c:pt idx="415">
                  <c:v>0.25335099999999999</c:v>
                </c:pt>
                <c:pt idx="416">
                  <c:v>0.25335099999999999</c:v>
                </c:pt>
                <c:pt idx="417">
                  <c:v>0.25335000000000002</c:v>
                </c:pt>
                <c:pt idx="418">
                  <c:v>0.25334899999999999</c:v>
                </c:pt>
                <c:pt idx="419">
                  <c:v>0.25334899999999999</c:v>
                </c:pt>
                <c:pt idx="420">
                  <c:v>0.25334800000000002</c:v>
                </c:pt>
                <c:pt idx="421">
                  <c:v>0.25334699999999999</c:v>
                </c:pt>
                <c:pt idx="422">
                  <c:v>0.25334600000000002</c:v>
                </c:pt>
                <c:pt idx="423">
                  <c:v>0.25334600000000002</c:v>
                </c:pt>
                <c:pt idx="424">
                  <c:v>0.25334499999999999</c:v>
                </c:pt>
                <c:pt idx="425">
                  <c:v>0.25334400000000001</c:v>
                </c:pt>
                <c:pt idx="426">
                  <c:v>0.25334400000000001</c:v>
                </c:pt>
                <c:pt idx="427">
                  <c:v>0.25334299999999998</c:v>
                </c:pt>
                <c:pt idx="428">
                  <c:v>0.25334200000000001</c:v>
                </c:pt>
                <c:pt idx="429">
                  <c:v>0.25334099999999998</c:v>
                </c:pt>
                <c:pt idx="430">
                  <c:v>0.25334099999999998</c:v>
                </c:pt>
                <c:pt idx="431">
                  <c:v>0.25334000000000001</c:v>
                </c:pt>
                <c:pt idx="432">
                  <c:v>0.25333899999999998</c:v>
                </c:pt>
                <c:pt idx="433">
                  <c:v>0.25333899999999998</c:v>
                </c:pt>
                <c:pt idx="434">
                  <c:v>0.25333800000000001</c:v>
                </c:pt>
                <c:pt idx="435">
                  <c:v>0.25333699999999998</c:v>
                </c:pt>
                <c:pt idx="436">
                  <c:v>0.25333600000000001</c:v>
                </c:pt>
                <c:pt idx="437">
                  <c:v>0.25333600000000001</c:v>
                </c:pt>
                <c:pt idx="438">
                  <c:v>0.25333499999999998</c:v>
                </c:pt>
                <c:pt idx="439">
                  <c:v>0.253334</c:v>
                </c:pt>
                <c:pt idx="440">
                  <c:v>0.253334</c:v>
                </c:pt>
                <c:pt idx="441">
                  <c:v>0.25333299999999997</c:v>
                </c:pt>
                <c:pt idx="442">
                  <c:v>0.253332</c:v>
                </c:pt>
                <c:pt idx="443">
                  <c:v>0.253332</c:v>
                </c:pt>
                <c:pt idx="444">
                  <c:v>0.25333099999999997</c:v>
                </c:pt>
                <c:pt idx="445">
                  <c:v>0.25333</c:v>
                </c:pt>
                <c:pt idx="446">
                  <c:v>0.25333</c:v>
                </c:pt>
                <c:pt idx="447">
                  <c:v>0.25332900000000003</c:v>
                </c:pt>
                <c:pt idx="448">
                  <c:v>0.253328</c:v>
                </c:pt>
                <c:pt idx="449">
                  <c:v>0.253328</c:v>
                </c:pt>
                <c:pt idx="450">
                  <c:v>0.25332700000000002</c:v>
                </c:pt>
                <c:pt idx="451">
                  <c:v>0.253326</c:v>
                </c:pt>
                <c:pt idx="452">
                  <c:v>0.253326</c:v>
                </c:pt>
                <c:pt idx="453">
                  <c:v>0.25332500000000002</c:v>
                </c:pt>
                <c:pt idx="454">
                  <c:v>0.25332399999999999</c:v>
                </c:pt>
                <c:pt idx="455">
                  <c:v>0.25332300000000002</c:v>
                </c:pt>
                <c:pt idx="456">
                  <c:v>0.25332300000000002</c:v>
                </c:pt>
                <c:pt idx="457">
                  <c:v>0.25332199999999999</c:v>
                </c:pt>
                <c:pt idx="458">
                  <c:v>0.25332199999999999</c:v>
                </c:pt>
                <c:pt idx="459">
                  <c:v>0.25332100000000002</c:v>
                </c:pt>
                <c:pt idx="460">
                  <c:v>0.25331999999999999</c:v>
                </c:pt>
                <c:pt idx="461">
                  <c:v>0.25331900000000002</c:v>
                </c:pt>
                <c:pt idx="462">
                  <c:v>0.25331900000000002</c:v>
                </c:pt>
                <c:pt idx="463">
                  <c:v>0.25331799999999999</c:v>
                </c:pt>
                <c:pt idx="464">
                  <c:v>0.25331700000000001</c:v>
                </c:pt>
                <c:pt idx="465">
                  <c:v>0.25331700000000001</c:v>
                </c:pt>
                <c:pt idx="466">
                  <c:v>0.25331599999999999</c:v>
                </c:pt>
                <c:pt idx="467">
                  <c:v>0.25331500000000001</c:v>
                </c:pt>
                <c:pt idx="468">
                  <c:v>0.25331500000000001</c:v>
                </c:pt>
                <c:pt idx="469">
                  <c:v>0.25331399999999998</c:v>
                </c:pt>
                <c:pt idx="470">
                  <c:v>0.25331300000000001</c:v>
                </c:pt>
                <c:pt idx="471">
                  <c:v>0.25331300000000001</c:v>
                </c:pt>
                <c:pt idx="472">
                  <c:v>0.25331199999999998</c:v>
                </c:pt>
                <c:pt idx="473">
                  <c:v>0.25331100000000001</c:v>
                </c:pt>
                <c:pt idx="474">
                  <c:v>0.25331100000000001</c:v>
                </c:pt>
                <c:pt idx="475">
                  <c:v>0.25330999999999998</c:v>
                </c:pt>
                <c:pt idx="476">
                  <c:v>0.25330999999999998</c:v>
                </c:pt>
                <c:pt idx="477">
                  <c:v>0.25330900000000001</c:v>
                </c:pt>
                <c:pt idx="478">
                  <c:v>0.25330799999999998</c:v>
                </c:pt>
                <c:pt idx="479">
                  <c:v>0.25330799999999998</c:v>
                </c:pt>
                <c:pt idx="480">
                  <c:v>0.253307</c:v>
                </c:pt>
                <c:pt idx="481">
                  <c:v>0.25330599999999998</c:v>
                </c:pt>
                <c:pt idx="482">
                  <c:v>0.25330599999999998</c:v>
                </c:pt>
                <c:pt idx="483">
                  <c:v>0.253305</c:v>
                </c:pt>
                <c:pt idx="484">
                  <c:v>0.25330399999999997</c:v>
                </c:pt>
                <c:pt idx="485">
                  <c:v>0.25330399999999997</c:v>
                </c:pt>
                <c:pt idx="486">
                  <c:v>0.253303</c:v>
                </c:pt>
                <c:pt idx="487">
                  <c:v>0.25330200000000003</c:v>
                </c:pt>
                <c:pt idx="488">
                  <c:v>0.25330200000000003</c:v>
                </c:pt>
                <c:pt idx="489">
                  <c:v>0.253301</c:v>
                </c:pt>
                <c:pt idx="490">
                  <c:v>0.25330000000000003</c:v>
                </c:pt>
                <c:pt idx="491">
                  <c:v>0.25330000000000003</c:v>
                </c:pt>
                <c:pt idx="492">
                  <c:v>0.253299</c:v>
                </c:pt>
                <c:pt idx="493">
                  <c:v>0.25329800000000002</c:v>
                </c:pt>
                <c:pt idx="494">
                  <c:v>0.25329800000000002</c:v>
                </c:pt>
                <c:pt idx="495">
                  <c:v>0.25329699999999999</c:v>
                </c:pt>
                <c:pt idx="496">
                  <c:v>0.25329600000000002</c:v>
                </c:pt>
                <c:pt idx="497">
                  <c:v>0.25329600000000002</c:v>
                </c:pt>
                <c:pt idx="498">
                  <c:v>0.25329499999999999</c:v>
                </c:pt>
                <c:pt idx="499">
                  <c:v>0.25329400000000002</c:v>
                </c:pt>
                <c:pt idx="500">
                  <c:v>0.25329400000000002</c:v>
                </c:pt>
                <c:pt idx="501">
                  <c:v>0.25329299999999999</c:v>
                </c:pt>
                <c:pt idx="502">
                  <c:v>0.25329200000000002</c:v>
                </c:pt>
                <c:pt idx="503">
                  <c:v>0.25329200000000002</c:v>
                </c:pt>
                <c:pt idx="504">
                  <c:v>0.25329099999999999</c:v>
                </c:pt>
                <c:pt idx="505">
                  <c:v>0.25329000000000002</c:v>
                </c:pt>
                <c:pt idx="506">
                  <c:v>0.25329000000000002</c:v>
                </c:pt>
                <c:pt idx="507">
                  <c:v>0.25328899999999999</c:v>
                </c:pt>
                <c:pt idx="508">
                  <c:v>0.25328899999999999</c:v>
                </c:pt>
                <c:pt idx="509">
                  <c:v>0.25328800000000001</c:v>
                </c:pt>
                <c:pt idx="510">
                  <c:v>0.25328699999999998</c:v>
                </c:pt>
                <c:pt idx="511">
                  <c:v>0.25328699999999998</c:v>
                </c:pt>
                <c:pt idx="512">
                  <c:v>0.25328600000000001</c:v>
                </c:pt>
                <c:pt idx="513">
                  <c:v>0.25328499999999998</c:v>
                </c:pt>
                <c:pt idx="514">
                  <c:v>0.25328499999999998</c:v>
                </c:pt>
                <c:pt idx="515">
                  <c:v>0.25328400000000001</c:v>
                </c:pt>
                <c:pt idx="516">
                  <c:v>0.25328299999999998</c:v>
                </c:pt>
                <c:pt idx="517">
                  <c:v>0.25328299999999998</c:v>
                </c:pt>
                <c:pt idx="518">
                  <c:v>0.25328200000000001</c:v>
                </c:pt>
                <c:pt idx="519">
                  <c:v>0.25328099999999998</c:v>
                </c:pt>
                <c:pt idx="520">
                  <c:v>0.25328099999999998</c:v>
                </c:pt>
                <c:pt idx="521">
                  <c:v>0.25328000000000001</c:v>
                </c:pt>
                <c:pt idx="522">
                  <c:v>0.25328000000000001</c:v>
                </c:pt>
                <c:pt idx="523">
                  <c:v>0.25327899999999998</c:v>
                </c:pt>
                <c:pt idx="524">
                  <c:v>0.253278</c:v>
                </c:pt>
                <c:pt idx="525">
                  <c:v>0.25327699999999997</c:v>
                </c:pt>
                <c:pt idx="526">
                  <c:v>0.25327699999999997</c:v>
                </c:pt>
                <c:pt idx="527">
                  <c:v>0.253276</c:v>
                </c:pt>
                <c:pt idx="528">
                  <c:v>0.25327499999999997</c:v>
                </c:pt>
                <c:pt idx="529">
                  <c:v>0.25327499999999997</c:v>
                </c:pt>
                <c:pt idx="530">
                  <c:v>0.253274</c:v>
                </c:pt>
                <c:pt idx="531">
                  <c:v>0.25327300000000003</c:v>
                </c:pt>
                <c:pt idx="532">
                  <c:v>0.25327300000000003</c:v>
                </c:pt>
                <c:pt idx="533">
                  <c:v>0.253272</c:v>
                </c:pt>
                <c:pt idx="534">
                  <c:v>0.253272</c:v>
                </c:pt>
                <c:pt idx="535">
                  <c:v>0.25327100000000002</c:v>
                </c:pt>
                <c:pt idx="536">
                  <c:v>0.25327</c:v>
                </c:pt>
                <c:pt idx="537">
                  <c:v>0.25326900000000002</c:v>
                </c:pt>
                <c:pt idx="538">
                  <c:v>0.25326900000000002</c:v>
                </c:pt>
                <c:pt idx="539">
                  <c:v>0.25326799999999999</c:v>
                </c:pt>
                <c:pt idx="540">
                  <c:v>0.25326700000000002</c:v>
                </c:pt>
                <c:pt idx="541">
                  <c:v>0.25326700000000002</c:v>
                </c:pt>
                <c:pt idx="542">
                  <c:v>0.25326599999999999</c:v>
                </c:pt>
                <c:pt idx="543">
                  <c:v>0.25326500000000002</c:v>
                </c:pt>
                <c:pt idx="544">
                  <c:v>0.25326500000000002</c:v>
                </c:pt>
                <c:pt idx="545">
                  <c:v>0.25326399999999999</c:v>
                </c:pt>
                <c:pt idx="546">
                  <c:v>0.25326300000000002</c:v>
                </c:pt>
                <c:pt idx="547">
                  <c:v>0.25326300000000002</c:v>
                </c:pt>
                <c:pt idx="548">
                  <c:v>0.25326199999999999</c:v>
                </c:pt>
                <c:pt idx="549">
                  <c:v>0.25326100000000001</c:v>
                </c:pt>
                <c:pt idx="550">
                  <c:v>0.25326100000000001</c:v>
                </c:pt>
                <c:pt idx="551">
                  <c:v>0.25325999999999999</c:v>
                </c:pt>
                <c:pt idx="552">
                  <c:v>0.25325900000000001</c:v>
                </c:pt>
                <c:pt idx="553">
                  <c:v>0.25325900000000001</c:v>
                </c:pt>
                <c:pt idx="554">
                  <c:v>0.25325799999999998</c:v>
                </c:pt>
                <c:pt idx="555">
                  <c:v>0.25325799999999998</c:v>
                </c:pt>
                <c:pt idx="556">
                  <c:v>0.25325700000000001</c:v>
                </c:pt>
                <c:pt idx="557">
                  <c:v>0.25325599999999998</c:v>
                </c:pt>
                <c:pt idx="558">
                  <c:v>0.25325599999999998</c:v>
                </c:pt>
                <c:pt idx="559">
                  <c:v>0.25325500000000001</c:v>
                </c:pt>
                <c:pt idx="560">
                  <c:v>0.25325399999999998</c:v>
                </c:pt>
                <c:pt idx="561">
                  <c:v>0.25325399999999998</c:v>
                </c:pt>
                <c:pt idx="562">
                  <c:v>0.25325300000000001</c:v>
                </c:pt>
                <c:pt idx="563">
                  <c:v>0.25325199999999998</c:v>
                </c:pt>
                <c:pt idx="564">
                  <c:v>0.253251</c:v>
                </c:pt>
                <c:pt idx="565">
                  <c:v>0.253251</c:v>
                </c:pt>
                <c:pt idx="566">
                  <c:v>0.25324999999999998</c:v>
                </c:pt>
                <c:pt idx="567">
                  <c:v>0.25324999999999998</c:v>
                </c:pt>
                <c:pt idx="568">
                  <c:v>0.253249</c:v>
                </c:pt>
                <c:pt idx="569">
                  <c:v>0.25324799999999997</c:v>
                </c:pt>
                <c:pt idx="570">
                  <c:v>0.25324799999999997</c:v>
                </c:pt>
                <c:pt idx="571">
                  <c:v>0.253247</c:v>
                </c:pt>
                <c:pt idx="572">
                  <c:v>0.25324600000000003</c:v>
                </c:pt>
                <c:pt idx="573">
                  <c:v>0.25324600000000003</c:v>
                </c:pt>
                <c:pt idx="574">
                  <c:v>0.253245</c:v>
                </c:pt>
                <c:pt idx="575">
                  <c:v>0.25324400000000002</c:v>
                </c:pt>
                <c:pt idx="576">
                  <c:v>0.25324400000000002</c:v>
                </c:pt>
                <c:pt idx="577">
                  <c:v>0.253243</c:v>
                </c:pt>
                <c:pt idx="578">
                  <c:v>0.25324200000000002</c:v>
                </c:pt>
                <c:pt idx="579">
                  <c:v>0.25324200000000002</c:v>
                </c:pt>
                <c:pt idx="580">
                  <c:v>0.25324099999999999</c:v>
                </c:pt>
                <c:pt idx="581">
                  <c:v>0.25324000000000002</c:v>
                </c:pt>
                <c:pt idx="582">
                  <c:v>0.25324000000000002</c:v>
                </c:pt>
                <c:pt idx="583">
                  <c:v>0.25323899999999999</c:v>
                </c:pt>
                <c:pt idx="584">
                  <c:v>0.25323800000000002</c:v>
                </c:pt>
                <c:pt idx="585">
                  <c:v>0.25323699999999999</c:v>
                </c:pt>
                <c:pt idx="586">
                  <c:v>0.25323699999999999</c:v>
                </c:pt>
                <c:pt idx="587">
                  <c:v>0.25323600000000002</c:v>
                </c:pt>
                <c:pt idx="588">
                  <c:v>0.25323600000000002</c:v>
                </c:pt>
                <c:pt idx="589">
                  <c:v>0.25323499999999999</c:v>
                </c:pt>
                <c:pt idx="590">
                  <c:v>0.25323400000000001</c:v>
                </c:pt>
                <c:pt idx="591">
                  <c:v>0.25323400000000001</c:v>
                </c:pt>
                <c:pt idx="592">
                  <c:v>0.25323299999999999</c:v>
                </c:pt>
                <c:pt idx="593">
                  <c:v>0.25323200000000001</c:v>
                </c:pt>
                <c:pt idx="594">
                  <c:v>0.25323200000000001</c:v>
                </c:pt>
                <c:pt idx="595">
                  <c:v>0.25323099999999998</c:v>
                </c:pt>
                <c:pt idx="596">
                  <c:v>0.25323000000000001</c:v>
                </c:pt>
                <c:pt idx="597">
                  <c:v>0.25322899999999998</c:v>
                </c:pt>
                <c:pt idx="598">
                  <c:v>0.25322899999999998</c:v>
                </c:pt>
                <c:pt idx="599">
                  <c:v>0.25322800000000001</c:v>
                </c:pt>
                <c:pt idx="600">
                  <c:v>0.25322699999999998</c:v>
                </c:pt>
                <c:pt idx="601">
                  <c:v>0.25322699999999998</c:v>
                </c:pt>
                <c:pt idx="602">
                  <c:v>0.25322600000000001</c:v>
                </c:pt>
                <c:pt idx="603">
                  <c:v>0.25322499999999998</c:v>
                </c:pt>
                <c:pt idx="604">
                  <c:v>0.25322499999999998</c:v>
                </c:pt>
                <c:pt idx="605">
                  <c:v>0.253224</c:v>
                </c:pt>
                <c:pt idx="606">
                  <c:v>0.25322299999999998</c:v>
                </c:pt>
                <c:pt idx="607">
                  <c:v>0.25322299999999998</c:v>
                </c:pt>
                <c:pt idx="608">
                  <c:v>0.253222</c:v>
                </c:pt>
                <c:pt idx="609">
                  <c:v>0.25322099999999997</c:v>
                </c:pt>
                <c:pt idx="610">
                  <c:v>0.25322099999999997</c:v>
                </c:pt>
                <c:pt idx="611">
                  <c:v>0.25322</c:v>
                </c:pt>
                <c:pt idx="612">
                  <c:v>0.25321900000000003</c:v>
                </c:pt>
                <c:pt idx="613">
                  <c:v>0.25321900000000003</c:v>
                </c:pt>
                <c:pt idx="614">
                  <c:v>0.253218</c:v>
                </c:pt>
                <c:pt idx="615">
                  <c:v>0.25321700000000003</c:v>
                </c:pt>
                <c:pt idx="616">
                  <c:v>0.253216</c:v>
                </c:pt>
                <c:pt idx="617">
                  <c:v>0.253216</c:v>
                </c:pt>
                <c:pt idx="618">
                  <c:v>0.25321500000000002</c:v>
                </c:pt>
                <c:pt idx="619">
                  <c:v>0.25321399999999999</c:v>
                </c:pt>
                <c:pt idx="620">
                  <c:v>0.25321399999999999</c:v>
                </c:pt>
                <c:pt idx="621">
                  <c:v>0.25321300000000002</c:v>
                </c:pt>
                <c:pt idx="622">
                  <c:v>0.25321199999999999</c:v>
                </c:pt>
                <c:pt idx="623">
                  <c:v>0.25321199999999999</c:v>
                </c:pt>
                <c:pt idx="624">
                  <c:v>0.25321100000000002</c:v>
                </c:pt>
                <c:pt idx="625">
                  <c:v>0.25320999999999999</c:v>
                </c:pt>
                <c:pt idx="626">
                  <c:v>0.25320900000000002</c:v>
                </c:pt>
                <c:pt idx="627">
                  <c:v>0.25320900000000002</c:v>
                </c:pt>
                <c:pt idx="628">
                  <c:v>0.25320799999999999</c:v>
                </c:pt>
                <c:pt idx="629">
                  <c:v>0.25320700000000002</c:v>
                </c:pt>
                <c:pt idx="630">
                  <c:v>0.25320700000000002</c:v>
                </c:pt>
                <c:pt idx="631">
                  <c:v>0.25320599999999999</c:v>
                </c:pt>
                <c:pt idx="632">
                  <c:v>0.25320500000000001</c:v>
                </c:pt>
                <c:pt idx="633">
                  <c:v>0.25320500000000001</c:v>
                </c:pt>
                <c:pt idx="634">
                  <c:v>0.25320399999999998</c:v>
                </c:pt>
                <c:pt idx="635">
                  <c:v>0.25320300000000001</c:v>
                </c:pt>
                <c:pt idx="636">
                  <c:v>0.25320199999999998</c:v>
                </c:pt>
                <c:pt idx="637">
                  <c:v>0.25320199999999998</c:v>
                </c:pt>
                <c:pt idx="638">
                  <c:v>0.25320100000000001</c:v>
                </c:pt>
                <c:pt idx="639">
                  <c:v>0.25319999999999998</c:v>
                </c:pt>
                <c:pt idx="640">
                  <c:v>0.25319900000000001</c:v>
                </c:pt>
                <c:pt idx="641">
                  <c:v>0.25319900000000001</c:v>
                </c:pt>
                <c:pt idx="642">
                  <c:v>0.25319799999999998</c:v>
                </c:pt>
                <c:pt idx="643">
                  <c:v>0.25319700000000001</c:v>
                </c:pt>
                <c:pt idx="644">
                  <c:v>0.25319599999999998</c:v>
                </c:pt>
                <c:pt idx="645">
                  <c:v>0.25319599999999998</c:v>
                </c:pt>
                <c:pt idx="646">
                  <c:v>0.253195</c:v>
                </c:pt>
                <c:pt idx="647">
                  <c:v>0.25319399999999997</c:v>
                </c:pt>
                <c:pt idx="648">
                  <c:v>0.25319399999999997</c:v>
                </c:pt>
                <c:pt idx="649">
                  <c:v>0.253193</c:v>
                </c:pt>
                <c:pt idx="650">
                  <c:v>0.25319199999999997</c:v>
                </c:pt>
                <c:pt idx="651">
                  <c:v>0.253191</c:v>
                </c:pt>
                <c:pt idx="652">
                  <c:v>0.253191</c:v>
                </c:pt>
                <c:pt idx="653">
                  <c:v>0.25319000000000003</c:v>
                </c:pt>
                <c:pt idx="654">
                  <c:v>0.253189</c:v>
                </c:pt>
                <c:pt idx="655">
                  <c:v>0.25318800000000002</c:v>
                </c:pt>
                <c:pt idx="656">
                  <c:v>0.25318800000000002</c:v>
                </c:pt>
                <c:pt idx="657">
                  <c:v>0.253187</c:v>
                </c:pt>
                <c:pt idx="658">
                  <c:v>0.25318600000000002</c:v>
                </c:pt>
                <c:pt idx="659">
                  <c:v>0.25318499999999999</c:v>
                </c:pt>
                <c:pt idx="660">
                  <c:v>0.25318499999999999</c:v>
                </c:pt>
                <c:pt idx="661">
                  <c:v>0.25318400000000002</c:v>
                </c:pt>
                <c:pt idx="662">
                  <c:v>0.25318299999999999</c:v>
                </c:pt>
                <c:pt idx="663">
                  <c:v>0.25318200000000002</c:v>
                </c:pt>
                <c:pt idx="664">
                  <c:v>0.25318200000000002</c:v>
                </c:pt>
                <c:pt idx="665">
                  <c:v>0.25318099999999999</c:v>
                </c:pt>
                <c:pt idx="666">
                  <c:v>0.25318000000000002</c:v>
                </c:pt>
                <c:pt idx="667">
                  <c:v>0.25317899999999999</c:v>
                </c:pt>
                <c:pt idx="668">
                  <c:v>0.25317800000000001</c:v>
                </c:pt>
                <c:pt idx="669">
                  <c:v>0.25317800000000001</c:v>
                </c:pt>
                <c:pt idx="670">
                  <c:v>0.25317699999999999</c:v>
                </c:pt>
                <c:pt idx="671">
                  <c:v>0.25317600000000001</c:v>
                </c:pt>
                <c:pt idx="672">
                  <c:v>0.25317499999999998</c:v>
                </c:pt>
                <c:pt idx="673">
                  <c:v>0.25317400000000001</c:v>
                </c:pt>
                <c:pt idx="674">
                  <c:v>0.25317400000000001</c:v>
                </c:pt>
                <c:pt idx="675">
                  <c:v>0.25317299999999998</c:v>
                </c:pt>
                <c:pt idx="676">
                  <c:v>0.25317200000000001</c:v>
                </c:pt>
                <c:pt idx="677">
                  <c:v>0.25317099999999998</c:v>
                </c:pt>
                <c:pt idx="678">
                  <c:v>0.25317099999999998</c:v>
                </c:pt>
                <c:pt idx="679">
                  <c:v>0.25317000000000001</c:v>
                </c:pt>
                <c:pt idx="680">
                  <c:v>0.25316899999999998</c:v>
                </c:pt>
                <c:pt idx="681">
                  <c:v>0.253168</c:v>
                </c:pt>
                <c:pt idx="682">
                  <c:v>0.25316699999999998</c:v>
                </c:pt>
                <c:pt idx="683">
                  <c:v>0.25316699999999998</c:v>
                </c:pt>
                <c:pt idx="684">
                  <c:v>0.253166</c:v>
                </c:pt>
                <c:pt idx="685">
                  <c:v>0.25316499999999997</c:v>
                </c:pt>
                <c:pt idx="686">
                  <c:v>0.253164</c:v>
                </c:pt>
                <c:pt idx="687">
                  <c:v>0.25316300000000003</c:v>
                </c:pt>
                <c:pt idx="688">
                  <c:v>0.253162</c:v>
                </c:pt>
                <c:pt idx="689">
                  <c:v>0.253162</c:v>
                </c:pt>
                <c:pt idx="690">
                  <c:v>0.25316100000000002</c:v>
                </c:pt>
                <c:pt idx="691">
                  <c:v>0.25316</c:v>
                </c:pt>
                <c:pt idx="692">
                  <c:v>0.25315900000000002</c:v>
                </c:pt>
                <c:pt idx="693">
                  <c:v>0.25315799999999999</c:v>
                </c:pt>
                <c:pt idx="694">
                  <c:v>0.25315700000000002</c:v>
                </c:pt>
                <c:pt idx="695">
                  <c:v>0.25315700000000002</c:v>
                </c:pt>
                <c:pt idx="696">
                  <c:v>0.25315599999999999</c:v>
                </c:pt>
                <c:pt idx="697">
                  <c:v>0.25315500000000002</c:v>
                </c:pt>
                <c:pt idx="698">
                  <c:v>0.25315399999999999</c:v>
                </c:pt>
                <c:pt idx="699">
                  <c:v>0.25315300000000002</c:v>
                </c:pt>
                <c:pt idx="700">
                  <c:v>0.25315199999999999</c:v>
                </c:pt>
                <c:pt idx="701">
                  <c:v>0.25315199999999999</c:v>
                </c:pt>
                <c:pt idx="702">
                  <c:v>0.25315100000000001</c:v>
                </c:pt>
                <c:pt idx="703">
                  <c:v>0.25314999999999999</c:v>
                </c:pt>
                <c:pt idx="704">
                  <c:v>0.25314900000000001</c:v>
                </c:pt>
                <c:pt idx="705">
                  <c:v>0.25314799999999998</c:v>
                </c:pt>
                <c:pt idx="706">
                  <c:v>0.25314700000000001</c:v>
                </c:pt>
                <c:pt idx="707">
                  <c:v>0.25314599999999998</c:v>
                </c:pt>
                <c:pt idx="708">
                  <c:v>0.25314500000000001</c:v>
                </c:pt>
                <c:pt idx="709">
                  <c:v>0.25314500000000001</c:v>
                </c:pt>
                <c:pt idx="710">
                  <c:v>0.25314399999999998</c:v>
                </c:pt>
                <c:pt idx="711">
                  <c:v>0.25314300000000001</c:v>
                </c:pt>
                <c:pt idx="712">
                  <c:v>0.25314199999999998</c:v>
                </c:pt>
                <c:pt idx="713">
                  <c:v>0.253141</c:v>
                </c:pt>
                <c:pt idx="714">
                  <c:v>0.25313999999999998</c:v>
                </c:pt>
                <c:pt idx="715">
                  <c:v>0.253139</c:v>
                </c:pt>
                <c:pt idx="716">
                  <c:v>0.25313799999999997</c:v>
                </c:pt>
                <c:pt idx="717">
                  <c:v>0.253137</c:v>
                </c:pt>
                <c:pt idx="718">
                  <c:v>0.25313600000000003</c:v>
                </c:pt>
                <c:pt idx="719">
                  <c:v>0.25313600000000003</c:v>
                </c:pt>
                <c:pt idx="720">
                  <c:v>0.253135</c:v>
                </c:pt>
                <c:pt idx="721">
                  <c:v>0.25313400000000003</c:v>
                </c:pt>
                <c:pt idx="722">
                  <c:v>0.253133</c:v>
                </c:pt>
                <c:pt idx="723">
                  <c:v>0.25313200000000002</c:v>
                </c:pt>
                <c:pt idx="724">
                  <c:v>0.25313099999999999</c:v>
                </c:pt>
                <c:pt idx="725">
                  <c:v>0.25313000000000002</c:v>
                </c:pt>
                <c:pt idx="726">
                  <c:v>0.25312899999999999</c:v>
                </c:pt>
                <c:pt idx="727">
                  <c:v>0.25312800000000002</c:v>
                </c:pt>
                <c:pt idx="728">
                  <c:v>0.25312699999999999</c:v>
                </c:pt>
                <c:pt idx="729">
                  <c:v>0.25312600000000002</c:v>
                </c:pt>
                <c:pt idx="730">
                  <c:v>0.25312499999999999</c:v>
                </c:pt>
                <c:pt idx="731">
                  <c:v>0.25312400000000002</c:v>
                </c:pt>
                <c:pt idx="732">
                  <c:v>0.25312299999999999</c:v>
                </c:pt>
                <c:pt idx="733">
                  <c:v>0.25312299999999999</c:v>
                </c:pt>
                <c:pt idx="734">
                  <c:v>0.25312200000000001</c:v>
                </c:pt>
                <c:pt idx="735">
                  <c:v>0.25312099999999998</c:v>
                </c:pt>
                <c:pt idx="736">
                  <c:v>0.25312000000000001</c:v>
                </c:pt>
                <c:pt idx="737">
                  <c:v>0.25311899999999998</c:v>
                </c:pt>
                <c:pt idx="738">
                  <c:v>0.25311800000000001</c:v>
                </c:pt>
                <c:pt idx="739">
                  <c:v>0.25311699999999998</c:v>
                </c:pt>
                <c:pt idx="740">
                  <c:v>0.25311600000000001</c:v>
                </c:pt>
                <c:pt idx="741">
                  <c:v>0.25311499999999998</c:v>
                </c:pt>
                <c:pt idx="742">
                  <c:v>0.25311400000000001</c:v>
                </c:pt>
                <c:pt idx="743">
                  <c:v>0.25311299999999998</c:v>
                </c:pt>
                <c:pt idx="744">
                  <c:v>0.253112</c:v>
                </c:pt>
                <c:pt idx="745">
                  <c:v>0.25311099999999997</c:v>
                </c:pt>
                <c:pt idx="746">
                  <c:v>0.25311</c:v>
                </c:pt>
                <c:pt idx="747">
                  <c:v>0.25310899999999997</c:v>
                </c:pt>
                <c:pt idx="748">
                  <c:v>0.253108</c:v>
                </c:pt>
                <c:pt idx="749">
                  <c:v>0.25310700000000003</c:v>
                </c:pt>
                <c:pt idx="750">
                  <c:v>0.253106</c:v>
                </c:pt>
                <c:pt idx="751">
                  <c:v>0.25310500000000002</c:v>
                </c:pt>
                <c:pt idx="752">
                  <c:v>0.253104</c:v>
                </c:pt>
                <c:pt idx="753">
                  <c:v>0.25310300000000002</c:v>
                </c:pt>
                <c:pt idx="754">
                  <c:v>0.25310199999999999</c:v>
                </c:pt>
                <c:pt idx="755">
                  <c:v>0.25310100000000002</c:v>
                </c:pt>
                <c:pt idx="756">
                  <c:v>0.25309999999999999</c:v>
                </c:pt>
                <c:pt idx="757">
                  <c:v>0.25309900000000002</c:v>
                </c:pt>
                <c:pt idx="758">
                  <c:v>0.25309799999999999</c:v>
                </c:pt>
                <c:pt idx="759">
                  <c:v>0.25309700000000002</c:v>
                </c:pt>
                <c:pt idx="760">
                  <c:v>0.25309599999999999</c:v>
                </c:pt>
                <c:pt idx="761">
                  <c:v>0.25309399999999999</c:v>
                </c:pt>
                <c:pt idx="762">
                  <c:v>0.25309300000000001</c:v>
                </c:pt>
                <c:pt idx="763">
                  <c:v>0.25309199999999998</c:v>
                </c:pt>
                <c:pt idx="764">
                  <c:v>0.25309100000000001</c:v>
                </c:pt>
                <c:pt idx="765">
                  <c:v>0.25308999999999998</c:v>
                </c:pt>
                <c:pt idx="766">
                  <c:v>0.25308900000000001</c:v>
                </c:pt>
                <c:pt idx="767">
                  <c:v>0.25308799999999998</c:v>
                </c:pt>
                <c:pt idx="768">
                  <c:v>0.25308700000000001</c:v>
                </c:pt>
                <c:pt idx="769">
                  <c:v>0.25308599999999998</c:v>
                </c:pt>
                <c:pt idx="770">
                  <c:v>0.253085</c:v>
                </c:pt>
                <c:pt idx="771">
                  <c:v>0.25308399999999998</c:v>
                </c:pt>
                <c:pt idx="772">
                  <c:v>0.25308199999999997</c:v>
                </c:pt>
                <c:pt idx="773">
                  <c:v>0.253081</c:v>
                </c:pt>
                <c:pt idx="774">
                  <c:v>0.25308000000000003</c:v>
                </c:pt>
                <c:pt idx="775">
                  <c:v>0.253079</c:v>
                </c:pt>
                <c:pt idx="776">
                  <c:v>0.25307800000000003</c:v>
                </c:pt>
                <c:pt idx="777">
                  <c:v>0.253077</c:v>
                </c:pt>
                <c:pt idx="778">
                  <c:v>0.25307600000000002</c:v>
                </c:pt>
                <c:pt idx="779">
                  <c:v>0.25307400000000002</c:v>
                </c:pt>
                <c:pt idx="780">
                  <c:v>0.25307299999999999</c:v>
                </c:pt>
                <c:pt idx="781">
                  <c:v>0.25307200000000002</c:v>
                </c:pt>
                <c:pt idx="782">
                  <c:v>0.25307099999999999</c:v>
                </c:pt>
                <c:pt idx="783">
                  <c:v>0.25307000000000002</c:v>
                </c:pt>
                <c:pt idx="784">
                  <c:v>0.25306899999999999</c:v>
                </c:pt>
                <c:pt idx="785">
                  <c:v>0.25306800000000002</c:v>
                </c:pt>
                <c:pt idx="786">
                  <c:v>0.25306600000000001</c:v>
                </c:pt>
                <c:pt idx="787">
                  <c:v>0.25306499999999998</c:v>
                </c:pt>
                <c:pt idx="788">
                  <c:v>0.25306400000000001</c:v>
                </c:pt>
                <c:pt idx="789">
                  <c:v>0.25306299999999998</c:v>
                </c:pt>
                <c:pt idx="790">
                  <c:v>0.25306099999999998</c:v>
                </c:pt>
                <c:pt idx="791">
                  <c:v>0.25306000000000001</c:v>
                </c:pt>
                <c:pt idx="792">
                  <c:v>0.25305899999999998</c:v>
                </c:pt>
                <c:pt idx="793">
                  <c:v>0.25305800000000001</c:v>
                </c:pt>
                <c:pt idx="794">
                  <c:v>0.25305699999999998</c:v>
                </c:pt>
                <c:pt idx="795">
                  <c:v>0.25305499999999997</c:v>
                </c:pt>
                <c:pt idx="796">
                  <c:v>0.253054</c:v>
                </c:pt>
                <c:pt idx="797">
                  <c:v>0.25305299999999997</c:v>
                </c:pt>
                <c:pt idx="798">
                  <c:v>0.25305100000000003</c:v>
                </c:pt>
                <c:pt idx="799">
                  <c:v>0.25305</c:v>
                </c:pt>
                <c:pt idx="800">
                  <c:v>0.25304900000000002</c:v>
                </c:pt>
                <c:pt idx="801">
                  <c:v>0.253048</c:v>
                </c:pt>
                <c:pt idx="802">
                  <c:v>0.25304599999999999</c:v>
                </c:pt>
                <c:pt idx="803">
                  <c:v>0.25304500000000002</c:v>
                </c:pt>
                <c:pt idx="804">
                  <c:v>0.25304399999999999</c:v>
                </c:pt>
                <c:pt idx="805">
                  <c:v>0.25304199999999999</c:v>
                </c:pt>
                <c:pt idx="806">
                  <c:v>0.25304100000000002</c:v>
                </c:pt>
                <c:pt idx="807">
                  <c:v>0.25303999999999999</c:v>
                </c:pt>
                <c:pt idx="808">
                  <c:v>0.25303799999999999</c:v>
                </c:pt>
                <c:pt idx="809">
                  <c:v>0.25303700000000001</c:v>
                </c:pt>
                <c:pt idx="810">
                  <c:v>0.25303599999999998</c:v>
                </c:pt>
                <c:pt idx="811">
                  <c:v>0.25303399999999998</c:v>
                </c:pt>
                <c:pt idx="812">
                  <c:v>0.25303300000000001</c:v>
                </c:pt>
                <c:pt idx="813">
                  <c:v>0.25303199999999998</c:v>
                </c:pt>
                <c:pt idx="814">
                  <c:v>0.25302999999999998</c:v>
                </c:pt>
                <c:pt idx="815">
                  <c:v>0.253029</c:v>
                </c:pt>
                <c:pt idx="816">
                  <c:v>0.25302799999999998</c:v>
                </c:pt>
                <c:pt idx="817">
                  <c:v>0.25302599999999997</c:v>
                </c:pt>
                <c:pt idx="818">
                  <c:v>0.253025</c:v>
                </c:pt>
                <c:pt idx="819">
                  <c:v>0.253023</c:v>
                </c:pt>
                <c:pt idx="820">
                  <c:v>0.25302200000000002</c:v>
                </c:pt>
                <c:pt idx="821">
                  <c:v>0.253021</c:v>
                </c:pt>
                <c:pt idx="822">
                  <c:v>0.25301899999999999</c:v>
                </c:pt>
                <c:pt idx="823">
                  <c:v>0.25301800000000002</c:v>
                </c:pt>
                <c:pt idx="824">
                  <c:v>0.25301600000000002</c:v>
                </c:pt>
                <c:pt idx="825">
                  <c:v>0.25301499999999999</c:v>
                </c:pt>
                <c:pt idx="826">
                  <c:v>0.25301299999999999</c:v>
                </c:pt>
                <c:pt idx="827">
                  <c:v>0.25301200000000001</c:v>
                </c:pt>
                <c:pt idx="828">
                  <c:v>0.25301000000000001</c:v>
                </c:pt>
                <c:pt idx="829">
                  <c:v>0.25300899999999998</c:v>
                </c:pt>
                <c:pt idx="830">
                  <c:v>0.25300699999999998</c:v>
                </c:pt>
                <c:pt idx="831">
                  <c:v>0.25300600000000001</c:v>
                </c:pt>
                <c:pt idx="832">
                  <c:v>0.25300400000000001</c:v>
                </c:pt>
                <c:pt idx="833">
                  <c:v>0.25300299999999998</c:v>
                </c:pt>
                <c:pt idx="834">
                  <c:v>0.25300099999999998</c:v>
                </c:pt>
                <c:pt idx="835">
                  <c:v>0.253</c:v>
                </c:pt>
                <c:pt idx="836">
                  <c:v>0.252998</c:v>
                </c:pt>
                <c:pt idx="837">
                  <c:v>0.25299700000000003</c:v>
                </c:pt>
                <c:pt idx="838">
                  <c:v>0.25299500000000003</c:v>
                </c:pt>
                <c:pt idx="839">
                  <c:v>0.252994</c:v>
                </c:pt>
                <c:pt idx="840">
                  <c:v>0.25299199999999999</c:v>
                </c:pt>
                <c:pt idx="841">
                  <c:v>0.25298999999999999</c:v>
                </c:pt>
                <c:pt idx="842">
                  <c:v>0.25298900000000002</c:v>
                </c:pt>
                <c:pt idx="843">
                  <c:v>0.25298700000000002</c:v>
                </c:pt>
                <c:pt idx="844">
                  <c:v>0.25298599999999999</c:v>
                </c:pt>
                <c:pt idx="845">
                  <c:v>0.25298399999999999</c:v>
                </c:pt>
                <c:pt idx="846">
                  <c:v>0.25298199999999998</c:v>
                </c:pt>
                <c:pt idx="847">
                  <c:v>0.25298100000000001</c:v>
                </c:pt>
                <c:pt idx="848">
                  <c:v>0.25297900000000001</c:v>
                </c:pt>
                <c:pt idx="849">
                  <c:v>0.25297700000000001</c:v>
                </c:pt>
                <c:pt idx="850">
                  <c:v>0.25297599999999998</c:v>
                </c:pt>
                <c:pt idx="851">
                  <c:v>0.25297399999999998</c:v>
                </c:pt>
                <c:pt idx="852">
                  <c:v>0.25297199999999997</c:v>
                </c:pt>
                <c:pt idx="853">
                  <c:v>0.252971</c:v>
                </c:pt>
                <c:pt idx="854">
                  <c:v>0.252969</c:v>
                </c:pt>
                <c:pt idx="855">
                  <c:v>0.252967</c:v>
                </c:pt>
                <c:pt idx="856">
                  <c:v>0.252965</c:v>
                </c:pt>
                <c:pt idx="857">
                  <c:v>0.25296400000000002</c:v>
                </c:pt>
                <c:pt idx="858">
                  <c:v>0.25296200000000002</c:v>
                </c:pt>
                <c:pt idx="859">
                  <c:v>0.25296000000000002</c:v>
                </c:pt>
                <c:pt idx="860">
                  <c:v>0.25295800000000002</c:v>
                </c:pt>
                <c:pt idx="861">
                  <c:v>0.25295699999999999</c:v>
                </c:pt>
                <c:pt idx="862">
                  <c:v>0.25295499999999999</c:v>
                </c:pt>
                <c:pt idx="863">
                  <c:v>0.25295299999999998</c:v>
                </c:pt>
                <c:pt idx="864">
                  <c:v>0.25295099999999998</c:v>
                </c:pt>
                <c:pt idx="865">
                  <c:v>0.25294899999999998</c:v>
                </c:pt>
                <c:pt idx="866">
                  <c:v>0.25294800000000001</c:v>
                </c:pt>
                <c:pt idx="867">
                  <c:v>0.252946</c:v>
                </c:pt>
                <c:pt idx="868">
                  <c:v>0.252944</c:v>
                </c:pt>
                <c:pt idx="869">
                  <c:v>0.252942</c:v>
                </c:pt>
                <c:pt idx="870">
                  <c:v>0.25294</c:v>
                </c:pt>
                <c:pt idx="871">
                  <c:v>0.252938</c:v>
                </c:pt>
                <c:pt idx="872">
                  <c:v>0.25293599999999999</c:v>
                </c:pt>
                <c:pt idx="873">
                  <c:v>0.25293399999999999</c:v>
                </c:pt>
                <c:pt idx="874">
                  <c:v>0.25293199999999999</c:v>
                </c:pt>
                <c:pt idx="875">
                  <c:v>0.25293100000000002</c:v>
                </c:pt>
                <c:pt idx="876">
                  <c:v>0.25292900000000001</c:v>
                </c:pt>
                <c:pt idx="877">
                  <c:v>0.25292700000000001</c:v>
                </c:pt>
                <c:pt idx="878">
                  <c:v>0.25292500000000001</c:v>
                </c:pt>
                <c:pt idx="879">
                  <c:v>0.25292300000000001</c:v>
                </c:pt>
                <c:pt idx="880">
                  <c:v>0.25292100000000001</c:v>
                </c:pt>
                <c:pt idx="881">
                  <c:v>0.252919</c:v>
                </c:pt>
                <c:pt idx="882">
                  <c:v>0.252917</c:v>
                </c:pt>
                <c:pt idx="883">
                  <c:v>0.252915</c:v>
                </c:pt>
                <c:pt idx="884">
                  <c:v>0.252913</c:v>
                </c:pt>
                <c:pt idx="885">
                  <c:v>0.25291000000000002</c:v>
                </c:pt>
                <c:pt idx="886">
                  <c:v>0.25290800000000002</c:v>
                </c:pt>
                <c:pt idx="887">
                  <c:v>0.25290600000000002</c:v>
                </c:pt>
                <c:pt idx="888">
                  <c:v>0.25290400000000002</c:v>
                </c:pt>
                <c:pt idx="889">
                  <c:v>0.25290200000000002</c:v>
                </c:pt>
                <c:pt idx="890">
                  <c:v>0.25290000000000001</c:v>
                </c:pt>
                <c:pt idx="891">
                  <c:v>0.25289800000000001</c:v>
                </c:pt>
                <c:pt idx="892">
                  <c:v>0.25289600000000001</c:v>
                </c:pt>
                <c:pt idx="893">
                  <c:v>0.25289299999999998</c:v>
                </c:pt>
                <c:pt idx="894">
                  <c:v>0.25289099999999998</c:v>
                </c:pt>
                <c:pt idx="895">
                  <c:v>0.25288899999999997</c:v>
                </c:pt>
                <c:pt idx="896">
                  <c:v>0.25288699999999997</c:v>
                </c:pt>
                <c:pt idx="897">
                  <c:v>0.25288500000000003</c:v>
                </c:pt>
                <c:pt idx="898">
                  <c:v>0.252882</c:v>
                </c:pt>
                <c:pt idx="899">
                  <c:v>0.25287999999999999</c:v>
                </c:pt>
                <c:pt idx="900">
                  <c:v>0.25287799999999999</c:v>
                </c:pt>
                <c:pt idx="901">
                  <c:v>0.25287500000000002</c:v>
                </c:pt>
                <c:pt idx="902">
                  <c:v>0.25287300000000001</c:v>
                </c:pt>
                <c:pt idx="903">
                  <c:v>0.25287100000000001</c:v>
                </c:pt>
                <c:pt idx="904">
                  <c:v>0.25286799999999998</c:v>
                </c:pt>
                <c:pt idx="905">
                  <c:v>0.25286599999999998</c:v>
                </c:pt>
                <c:pt idx="906">
                  <c:v>0.25286399999999998</c:v>
                </c:pt>
                <c:pt idx="907">
                  <c:v>0.252861</c:v>
                </c:pt>
                <c:pt idx="908">
                  <c:v>0.252859</c:v>
                </c:pt>
                <c:pt idx="909">
                  <c:v>0.25285600000000003</c:v>
                </c:pt>
                <c:pt idx="910">
                  <c:v>0.25285400000000002</c:v>
                </c:pt>
                <c:pt idx="911">
                  <c:v>0.25285200000000002</c:v>
                </c:pt>
                <c:pt idx="912">
                  <c:v>0.25284899999999999</c:v>
                </c:pt>
                <c:pt idx="913">
                  <c:v>0.25284699999999999</c:v>
                </c:pt>
                <c:pt idx="914">
                  <c:v>0.25284400000000001</c:v>
                </c:pt>
                <c:pt idx="915">
                  <c:v>0.25284200000000001</c:v>
                </c:pt>
                <c:pt idx="916">
                  <c:v>0.25283899999999998</c:v>
                </c:pt>
                <c:pt idx="917">
                  <c:v>0.25283699999999998</c:v>
                </c:pt>
                <c:pt idx="918">
                  <c:v>0.252834</c:v>
                </c:pt>
                <c:pt idx="919">
                  <c:v>0.25283099999999997</c:v>
                </c:pt>
                <c:pt idx="920">
                  <c:v>0.25282900000000003</c:v>
                </c:pt>
                <c:pt idx="921">
                  <c:v>0.252826</c:v>
                </c:pt>
                <c:pt idx="922">
                  <c:v>0.25282399999999999</c:v>
                </c:pt>
                <c:pt idx="923">
                  <c:v>0.25282100000000002</c:v>
                </c:pt>
                <c:pt idx="924">
                  <c:v>0.25281799999999999</c:v>
                </c:pt>
                <c:pt idx="925">
                  <c:v>0.25281500000000001</c:v>
                </c:pt>
                <c:pt idx="926">
                  <c:v>0.25281300000000001</c:v>
                </c:pt>
                <c:pt idx="927">
                  <c:v>0.25280999999999998</c:v>
                </c:pt>
                <c:pt idx="928">
                  <c:v>0.252807</c:v>
                </c:pt>
                <c:pt idx="929">
                  <c:v>0.25280399999999997</c:v>
                </c:pt>
                <c:pt idx="930">
                  <c:v>0.25280200000000003</c:v>
                </c:pt>
                <c:pt idx="931">
                  <c:v>0.252799</c:v>
                </c:pt>
                <c:pt idx="932">
                  <c:v>0.25279600000000002</c:v>
                </c:pt>
                <c:pt idx="933">
                  <c:v>0.25279299999999999</c:v>
                </c:pt>
                <c:pt idx="934">
                  <c:v>0.25279000000000001</c:v>
                </c:pt>
                <c:pt idx="935">
                  <c:v>0.25278699999999998</c:v>
                </c:pt>
                <c:pt idx="936">
                  <c:v>0.25278400000000001</c:v>
                </c:pt>
                <c:pt idx="937">
                  <c:v>0.25278099999999998</c:v>
                </c:pt>
                <c:pt idx="938">
                  <c:v>0.252778</c:v>
                </c:pt>
                <c:pt idx="939">
                  <c:v>0.25277500000000003</c:v>
                </c:pt>
                <c:pt idx="940">
                  <c:v>0.252772</c:v>
                </c:pt>
                <c:pt idx="941">
                  <c:v>0.25276900000000002</c:v>
                </c:pt>
                <c:pt idx="942">
                  <c:v>0.25276599999999999</c:v>
                </c:pt>
                <c:pt idx="943">
                  <c:v>0.25276300000000002</c:v>
                </c:pt>
                <c:pt idx="944">
                  <c:v>0.25275999999999998</c:v>
                </c:pt>
                <c:pt idx="945">
                  <c:v>0.25275700000000001</c:v>
                </c:pt>
                <c:pt idx="946">
                  <c:v>0.25275399999999998</c:v>
                </c:pt>
                <c:pt idx="947">
                  <c:v>0.252751</c:v>
                </c:pt>
                <c:pt idx="948">
                  <c:v>0.25274799999999997</c:v>
                </c:pt>
                <c:pt idx="949">
                  <c:v>0.25274400000000002</c:v>
                </c:pt>
                <c:pt idx="950">
                  <c:v>0.25274099999999999</c:v>
                </c:pt>
                <c:pt idx="951">
                  <c:v>0.25273800000000002</c:v>
                </c:pt>
                <c:pt idx="952">
                  <c:v>0.25273499999999999</c:v>
                </c:pt>
                <c:pt idx="953">
                  <c:v>0.25273099999999998</c:v>
                </c:pt>
                <c:pt idx="954">
                  <c:v>0.25272800000000001</c:v>
                </c:pt>
                <c:pt idx="955">
                  <c:v>0.25272499999999998</c:v>
                </c:pt>
                <c:pt idx="956">
                  <c:v>0.25272099999999997</c:v>
                </c:pt>
                <c:pt idx="957">
                  <c:v>0.252718</c:v>
                </c:pt>
                <c:pt idx="958">
                  <c:v>0.25271399999999999</c:v>
                </c:pt>
                <c:pt idx="959">
                  <c:v>0.25271100000000002</c:v>
                </c:pt>
                <c:pt idx="960">
                  <c:v>0.25270799999999999</c:v>
                </c:pt>
                <c:pt idx="961">
                  <c:v>0.25270399999999998</c:v>
                </c:pt>
                <c:pt idx="962">
                  <c:v>0.25270100000000001</c:v>
                </c:pt>
                <c:pt idx="963">
                  <c:v>0.252697</c:v>
                </c:pt>
                <c:pt idx="964">
                  <c:v>0.252693</c:v>
                </c:pt>
                <c:pt idx="965">
                  <c:v>0.25269000000000003</c:v>
                </c:pt>
                <c:pt idx="966">
                  <c:v>0.25268600000000002</c:v>
                </c:pt>
                <c:pt idx="967">
                  <c:v>0.25268200000000002</c:v>
                </c:pt>
                <c:pt idx="968">
                  <c:v>0.25267899999999999</c:v>
                </c:pt>
                <c:pt idx="969">
                  <c:v>0.25267499999999998</c:v>
                </c:pt>
                <c:pt idx="970">
                  <c:v>0.25267099999999998</c:v>
                </c:pt>
                <c:pt idx="971">
                  <c:v>0.252668</c:v>
                </c:pt>
                <c:pt idx="972">
                  <c:v>0.252664</c:v>
                </c:pt>
                <c:pt idx="973">
                  <c:v>0.25266</c:v>
                </c:pt>
                <c:pt idx="974">
                  <c:v>0.25265599999999999</c:v>
                </c:pt>
                <c:pt idx="975">
                  <c:v>0.25265199999999999</c:v>
                </c:pt>
                <c:pt idx="976">
                  <c:v>0.25264799999999998</c:v>
                </c:pt>
                <c:pt idx="977">
                  <c:v>0.25264399999999998</c:v>
                </c:pt>
                <c:pt idx="978">
                  <c:v>0.25263999999999998</c:v>
                </c:pt>
                <c:pt idx="979">
                  <c:v>0.25263600000000003</c:v>
                </c:pt>
                <c:pt idx="980">
                  <c:v>0.25263200000000002</c:v>
                </c:pt>
                <c:pt idx="981">
                  <c:v>0.25262800000000002</c:v>
                </c:pt>
                <c:pt idx="982">
                  <c:v>0.25262400000000002</c:v>
                </c:pt>
                <c:pt idx="983">
                  <c:v>0.25262000000000001</c:v>
                </c:pt>
                <c:pt idx="984">
                  <c:v>0.25261600000000001</c:v>
                </c:pt>
                <c:pt idx="985">
                  <c:v>0.25261099999999997</c:v>
                </c:pt>
                <c:pt idx="986">
                  <c:v>0.25260700000000003</c:v>
                </c:pt>
                <c:pt idx="987">
                  <c:v>0.25260300000000002</c:v>
                </c:pt>
                <c:pt idx="988">
                  <c:v>0.25259900000000002</c:v>
                </c:pt>
                <c:pt idx="989">
                  <c:v>0.25259399999999999</c:v>
                </c:pt>
                <c:pt idx="990">
                  <c:v>0.25258999999999998</c:v>
                </c:pt>
                <c:pt idx="991">
                  <c:v>0.25258599999999998</c:v>
                </c:pt>
                <c:pt idx="992">
                  <c:v>0.252581</c:v>
                </c:pt>
                <c:pt idx="993">
                  <c:v>0.252577</c:v>
                </c:pt>
                <c:pt idx="994">
                  <c:v>0.25257200000000002</c:v>
                </c:pt>
                <c:pt idx="995">
                  <c:v>0.25256800000000001</c:v>
                </c:pt>
                <c:pt idx="996">
                  <c:v>0.25256299999999998</c:v>
                </c:pt>
                <c:pt idx="997">
                  <c:v>0.252558</c:v>
                </c:pt>
                <c:pt idx="998">
                  <c:v>0.252554</c:v>
                </c:pt>
                <c:pt idx="999">
                  <c:v>0.25254900000000002</c:v>
                </c:pt>
                <c:pt idx="1000">
                  <c:v>0.25254399999999999</c:v>
                </c:pt>
                <c:pt idx="1001">
                  <c:v>0.25253999999999999</c:v>
                </c:pt>
                <c:pt idx="1002">
                  <c:v>0.25253500000000001</c:v>
                </c:pt>
                <c:pt idx="1003">
                  <c:v>0.25252999999999998</c:v>
                </c:pt>
                <c:pt idx="1004">
                  <c:v>0.252525</c:v>
                </c:pt>
                <c:pt idx="1005">
                  <c:v>0.25252000000000002</c:v>
                </c:pt>
                <c:pt idx="1006">
                  <c:v>0.25251499999999999</c:v>
                </c:pt>
                <c:pt idx="1007">
                  <c:v>0.25251000000000001</c:v>
                </c:pt>
                <c:pt idx="1008">
                  <c:v>0.25250499999999998</c:v>
                </c:pt>
                <c:pt idx="1009">
                  <c:v>0.2525</c:v>
                </c:pt>
                <c:pt idx="1010">
                  <c:v>0.25249500000000002</c:v>
                </c:pt>
                <c:pt idx="1011">
                  <c:v>0.25248999999999999</c:v>
                </c:pt>
                <c:pt idx="1012">
                  <c:v>0.25248500000000001</c:v>
                </c:pt>
                <c:pt idx="1013">
                  <c:v>0.25247900000000001</c:v>
                </c:pt>
                <c:pt idx="1014">
                  <c:v>0.25247399999999998</c:v>
                </c:pt>
                <c:pt idx="1015">
                  <c:v>0.252469</c:v>
                </c:pt>
                <c:pt idx="1016">
                  <c:v>0.25246299999999999</c:v>
                </c:pt>
                <c:pt idx="1017">
                  <c:v>0.25245800000000002</c:v>
                </c:pt>
                <c:pt idx="1018">
                  <c:v>0.25245299999999998</c:v>
                </c:pt>
                <c:pt idx="1019">
                  <c:v>0.25244699999999998</c:v>
                </c:pt>
                <c:pt idx="1020">
                  <c:v>0.252442</c:v>
                </c:pt>
                <c:pt idx="1021">
                  <c:v>0.25243599999999999</c:v>
                </c:pt>
                <c:pt idx="1022">
                  <c:v>0.25242999999999999</c:v>
                </c:pt>
                <c:pt idx="1023">
                  <c:v>0.25242500000000001</c:v>
                </c:pt>
                <c:pt idx="1024">
                  <c:v>0.252419</c:v>
                </c:pt>
                <c:pt idx="1025">
                  <c:v>0.252413</c:v>
                </c:pt>
                <c:pt idx="1026">
                  <c:v>0.25240699999999999</c:v>
                </c:pt>
                <c:pt idx="1027">
                  <c:v>0.25240099999999999</c:v>
                </c:pt>
                <c:pt idx="1028">
                  <c:v>0.25239499999999998</c:v>
                </c:pt>
                <c:pt idx="1029">
                  <c:v>0.25238899999999997</c:v>
                </c:pt>
                <c:pt idx="1030">
                  <c:v>0.25238300000000002</c:v>
                </c:pt>
                <c:pt idx="1031">
                  <c:v>0.25237700000000002</c:v>
                </c:pt>
                <c:pt idx="1032">
                  <c:v>0.25237100000000001</c:v>
                </c:pt>
                <c:pt idx="1033">
                  <c:v>0.25236500000000001</c:v>
                </c:pt>
                <c:pt idx="1034">
                  <c:v>0.252359</c:v>
                </c:pt>
                <c:pt idx="1035">
                  <c:v>0.25235200000000002</c:v>
                </c:pt>
                <c:pt idx="1036">
                  <c:v>0.25234600000000001</c:v>
                </c:pt>
                <c:pt idx="1037">
                  <c:v>0.25234000000000001</c:v>
                </c:pt>
                <c:pt idx="1038">
                  <c:v>0.25233299999999997</c:v>
                </c:pt>
                <c:pt idx="1039">
                  <c:v>0.25232700000000002</c:v>
                </c:pt>
                <c:pt idx="1040">
                  <c:v>0.25231999999999999</c:v>
                </c:pt>
                <c:pt idx="1041">
                  <c:v>0.25231399999999998</c:v>
                </c:pt>
                <c:pt idx="1042">
                  <c:v>0.252307</c:v>
                </c:pt>
                <c:pt idx="1043">
                  <c:v>0.25230000000000002</c:v>
                </c:pt>
                <c:pt idx="1044">
                  <c:v>0.25229400000000002</c:v>
                </c:pt>
                <c:pt idx="1045">
                  <c:v>0.25228699999999998</c:v>
                </c:pt>
                <c:pt idx="1046">
                  <c:v>0.25228</c:v>
                </c:pt>
                <c:pt idx="1047">
                  <c:v>0.25227300000000003</c:v>
                </c:pt>
                <c:pt idx="1048">
                  <c:v>0.25226599999999999</c:v>
                </c:pt>
                <c:pt idx="1049">
                  <c:v>0.25225900000000001</c:v>
                </c:pt>
                <c:pt idx="1050">
                  <c:v>0.25225199999999998</c:v>
                </c:pt>
                <c:pt idx="1051">
                  <c:v>0.252245</c:v>
                </c:pt>
                <c:pt idx="1052">
                  <c:v>0.25223699999999999</c:v>
                </c:pt>
                <c:pt idx="1053">
                  <c:v>0.25223000000000001</c:v>
                </c:pt>
                <c:pt idx="1054">
                  <c:v>0.25222299999999997</c:v>
                </c:pt>
                <c:pt idx="1055">
                  <c:v>0.25221500000000002</c:v>
                </c:pt>
                <c:pt idx="1056">
                  <c:v>0.25220799999999999</c:v>
                </c:pt>
                <c:pt idx="1057">
                  <c:v>0.25219999999999998</c:v>
                </c:pt>
                <c:pt idx="1058">
                  <c:v>0.252193</c:v>
                </c:pt>
                <c:pt idx="1059">
                  <c:v>0.25218499999999999</c:v>
                </c:pt>
                <c:pt idx="1060">
                  <c:v>0.25217699999999998</c:v>
                </c:pt>
                <c:pt idx="1061">
                  <c:v>0.25216899999999998</c:v>
                </c:pt>
                <c:pt idx="1062">
                  <c:v>0.25216100000000002</c:v>
                </c:pt>
                <c:pt idx="1063">
                  <c:v>0.25215399999999999</c:v>
                </c:pt>
                <c:pt idx="1064">
                  <c:v>0.25214500000000001</c:v>
                </c:pt>
                <c:pt idx="1065">
                  <c:v>0.252137</c:v>
                </c:pt>
                <c:pt idx="1066">
                  <c:v>0.25212899999999999</c:v>
                </c:pt>
                <c:pt idx="1067">
                  <c:v>0.25212099999999998</c:v>
                </c:pt>
                <c:pt idx="1068">
                  <c:v>0.25211299999999998</c:v>
                </c:pt>
                <c:pt idx="1069">
                  <c:v>0.25210399999999999</c:v>
                </c:pt>
                <c:pt idx="1070">
                  <c:v>0.25209599999999999</c:v>
                </c:pt>
                <c:pt idx="1071">
                  <c:v>0.25208700000000001</c:v>
                </c:pt>
                <c:pt idx="1072">
                  <c:v>0.252079</c:v>
                </c:pt>
                <c:pt idx="1073">
                  <c:v>0.25207000000000002</c:v>
                </c:pt>
                <c:pt idx="1074">
                  <c:v>0.25206200000000001</c:v>
                </c:pt>
                <c:pt idx="1075">
                  <c:v>0.25205300000000003</c:v>
                </c:pt>
                <c:pt idx="1076">
                  <c:v>0.25204399999999999</c:v>
                </c:pt>
                <c:pt idx="1077">
                  <c:v>0.25203500000000001</c:v>
                </c:pt>
                <c:pt idx="1078">
                  <c:v>0.25202599999999997</c:v>
                </c:pt>
                <c:pt idx="1079">
                  <c:v>0.25201699999999999</c:v>
                </c:pt>
                <c:pt idx="1080">
                  <c:v>0.25200800000000001</c:v>
                </c:pt>
                <c:pt idx="1081">
                  <c:v>0.251998</c:v>
                </c:pt>
                <c:pt idx="1082">
                  <c:v>0.25198900000000002</c:v>
                </c:pt>
                <c:pt idx="1083">
                  <c:v>0.25197999999999998</c:v>
                </c:pt>
                <c:pt idx="1084">
                  <c:v>0.25197000000000003</c:v>
                </c:pt>
                <c:pt idx="1085">
                  <c:v>0.25196000000000002</c:v>
                </c:pt>
                <c:pt idx="1086">
                  <c:v>0.25195099999999998</c:v>
                </c:pt>
                <c:pt idx="1087">
                  <c:v>0.25194100000000003</c:v>
                </c:pt>
                <c:pt idx="1088">
                  <c:v>0.25193100000000002</c:v>
                </c:pt>
                <c:pt idx="1089">
                  <c:v>0.25192100000000001</c:v>
                </c:pt>
                <c:pt idx="1090">
                  <c:v>0.251911</c:v>
                </c:pt>
                <c:pt idx="1091">
                  <c:v>0.25190099999999999</c:v>
                </c:pt>
                <c:pt idx="1092">
                  <c:v>0.25189099999999998</c:v>
                </c:pt>
                <c:pt idx="1093">
                  <c:v>0.25188100000000002</c:v>
                </c:pt>
                <c:pt idx="1094">
                  <c:v>0.25187100000000001</c:v>
                </c:pt>
                <c:pt idx="1095">
                  <c:v>0.25185999999999997</c:v>
                </c:pt>
                <c:pt idx="1096">
                  <c:v>0.25185000000000002</c:v>
                </c:pt>
                <c:pt idx="1097">
                  <c:v>0.25183899999999998</c:v>
                </c:pt>
                <c:pt idx="1098">
                  <c:v>0.251828</c:v>
                </c:pt>
                <c:pt idx="1099">
                  <c:v>0.25181799999999999</c:v>
                </c:pt>
                <c:pt idx="1100">
                  <c:v>0.251807</c:v>
                </c:pt>
                <c:pt idx="1101">
                  <c:v>0.25179600000000002</c:v>
                </c:pt>
                <c:pt idx="1102">
                  <c:v>0.25178499999999998</c:v>
                </c:pt>
                <c:pt idx="1103">
                  <c:v>0.251774</c:v>
                </c:pt>
                <c:pt idx="1104">
                  <c:v>0.25176199999999999</c:v>
                </c:pt>
                <c:pt idx="1105">
                  <c:v>0.251751</c:v>
                </c:pt>
                <c:pt idx="1106">
                  <c:v>0.25174000000000002</c:v>
                </c:pt>
                <c:pt idx="1107">
                  <c:v>0.25172800000000001</c:v>
                </c:pt>
                <c:pt idx="1108">
                  <c:v>0.251716</c:v>
                </c:pt>
                <c:pt idx="1109">
                  <c:v>0.25170500000000001</c:v>
                </c:pt>
                <c:pt idx="1110">
                  <c:v>0.251693</c:v>
                </c:pt>
                <c:pt idx="1111">
                  <c:v>0.25168099999999999</c:v>
                </c:pt>
                <c:pt idx="1112">
                  <c:v>0.25166899999999998</c:v>
                </c:pt>
                <c:pt idx="1113">
                  <c:v>0.25165700000000002</c:v>
                </c:pt>
                <c:pt idx="1114">
                  <c:v>0.25164500000000001</c:v>
                </c:pt>
                <c:pt idx="1115">
                  <c:v>0.25163200000000002</c:v>
                </c:pt>
                <c:pt idx="1116">
                  <c:v>0.25162000000000001</c:v>
                </c:pt>
                <c:pt idx="1117">
                  <c:v>0.25160700000000003</c:v>
                </c:pt>
                <c:pt idx="1118">
                  <c:v>0.25159500000000001</c:v>
                </c:pt>
                <c:pt idx="1119">
                  <c:v>0.25158199999999997</c:v>
                </c:pt>
                <c:pt idx="1120">
                  <c:v>0.25156899999999999</c:v>
                </c:pt>
                <c:pt idx="1121">
                  <c:v>0.251556</c:v>
                </c:pt>
                <c:pt idx="1122">
                  <c:v>0.25154300000000002</c:v>
                </c:pt>
                <c:pt idx="1123">
                  <c:v>0.25152999999999998</c:v>
                </c:pt>
                <c:pt idx="1124">
                  <c:v>0.25151699999999999</c:v>
                </c:pt>
                <c:pt idx="1125">
                  <c:v>0.25150400000000001</c:v>
                </c:pt>
                <c:pt idx="1126">
                  <c:v>0.25148999999999999</c:v>
                </c:pt>
                <c:pt idx="1127">
                  <c:v>0.25147599999999998</c:v>
                </c:pt>
                <c:pt idx="1128">
                  <c:v>0.25146299999999999</c:v>
                </c:pt>
                <c:pt idx="1129">
                  <c:v>0.25144899999999998</c:v>
                </c:pt>
                <c:pt idx="1130">
                  <c:v>0.25143500000000002</c:v>
                </c:pt>
                <c:pt idx="1131">
                  <c:v>0.25142100000000001</c:v>
                </c:pt>
                <c:pt idx="1132">
                  <c:v>0.25140699999999999</c:v>
                </c:pt>
                <c:pt idx="1133">
                  <c:v>0.25139299999999998</c:v>
                </c:pt>
                <c:pt idx="1134">
                  <c:v>0.25137799999999999</c:v>
                </c:pt>
                <c:pt idx="1135">
                  <c:v>0.25136399999999998</c:v>
                </c:pt>
                <c:pt idx="1136">
                  <c:v>0.25134899999999999</c:v>
                </c:pt>
                <c:pt idx="1137">
                  <c:v>0.251334</c:v>
                </c:pt>
                <c:pt idx="1138">
                  <c:v>0.25131999999999999</c:v>
                </c:pt>
                <c:pt idx="1139">
                  <c:v>0.251305</c:v>
                </c:pt>
                <c:pt idx="1140">
                  <c:v>0.25129000000000001</c:v>
                </c:pt>
                <c:pt idx="1141">
                  <c:v>0.251274</c:v>
                </c:pt>
                <c:pt idx="1142">
                  <c:v>0.25125900000000001</c:v>
                </c:pt>
                <c:pt idx="1143">
                  <c:v>0.25124400000000002</c:v>
                </c:pt>
                <c:pt idx="1144">
                  <c:v>0.25122800000000001</c:v>
                </c:pt>
                <c:pt idx="1145">
                  <c:v>0.25121300000000002</c:v>
                </c:pt>
                <c:pt idx="1146">
                  <c:v>0.251197</c:v>
                </c:pt>
                <c:pt idx="1147">
                  <c:v>0.25118099999999999</c:v>
                </c:pt>
                <c:pt idx="1148">
                  <c:v>0.25116500000000003</c:v>
                </c:pt>
                <c:pt idx="1149">
                  <c:v>0.25114900000000001</c:v>
                </c:pt>
                <c:pt idx="1150">
                  <c:v>0.25113200000000002</c:v>
                </c:pt>
                <c:pt idx="1151">
                  <c:v>0.25111600000000001</c:v>
                </c:pt>
                <c:pt idx="1152">
                  <c:v>0.25109900000000002</c:v>
                </c:pt>
                <c:pt idx="1153">
                  <c:v>0.251083</c:v>
                </c:pt>
                <c:pt idx="1154">
                  <c:v>0.25106600000000001</c:v>
                </c:pt>
                <c:pt idx="1155">
                  <c:v>0.25104900000000002</c:v>
                </c:pt>
                <c:pt idx="1156">
                  <c:v>0.25103199999999998</c:v>
                </c:pt>
                <c:pt idx="1157">
                  <c:v>0.25101499999999999</c:v>
                </c:pt>
                <c:pt idx="1158">
                  <c:v>0.250998</c:v>
                </c:pt>
                <c:pt idx="1159">
                  <c:v>0.25097999999999998</c:v>
                </c:pt>
                <c:pt idx="1160">
                  <c:v>0.25096200000000002</c:v>
                </c:pt>
                <c:pt idx="1161">
                  <c:v>0.25094499999999997</c:v>
                </c:pt>
                <c:pt idx="1162">
                  <c:v>0.25092700000000001</c:v>
                </c:pt>
                <c:pt idx="1163">
                  <c:v>0.25090899999999999</c:v>
                </c:pt>
                <c:pt idx="1164">
                  <c:v>0.25089099999999998</c:v>
                </c:pt>
                <c:pt idx="1165">
                  <c:v>0.25087300000000001</c:v>
                </c:pt>
                <c:pt idx="1166">
                  <c:v>0.25085400000000002</c:v>
                </c:pt>
                <c:pt idx="1167">
                  <c:v>0.250836</c:v>
                </c:pt>
                <c:pt idx="1168">
                  <c:v>0.25081700000000001</c:v>
                </c:pt>
                <c:pt idx="1169">
                  <c:v>0.25079800000000002</c:v>
                </c:pt>
                <c:pt idx="1170">
                  <c:v>0.25077899999999997</c:v>
                </c:pt>
                <c:pt idx="1171">
                  <c:v>0.25075999999999998</c:v>
                </c:pt>
                <c:pt idx="1172">
                  <c:v>0.25074099999999999</c:v>
                </c:pt>
                <c:pt idx="1173">
                  <c:v>0.250722</c:v>
                </c:pt>
                <c:pt idx="1174">
                  <c:v>0.25070199999999998</c:v>
                </c:pt>
                <c:pt idx="1175">
                  <c:v>0.25068299999999999</c:v>
                </c:pt>
                <c:pt idx="1176">
                  <c:v>0.25066300000000002</c:v>
                </c:pt>
                <c:pt idx="1177">
                  <c:v>0.250643</c:v>
                </c:pt>
                <c:pt idx="1178">
                  <c:v>0.25062299999999998</c:v>
                </c:pt>
                <c:pt idx="1179">
                  <c:v>0.25060300000000002</c:v>
                </c:pt>
                <c:pt idx="1180">
                  <c:v>0.250583</c:v>
                </c:pt>
                <c:pt idx="1181">
                  <c:v>0.25056200000000001</c:v>
                </c:pt>
                <c:pt idx="1182">
                  <c:v>0.25054100000000001</c:v>
                </c:pt>
                <c:pt idx="1183">
                  <c:v>0.25052099999999999</c:v>
                </c:pt>
                <c:pt idx="1184">
                  <c:v>0.2505</c:v>
                </c:pt>
                <c:pt idx="1185">
                  <c:v>0.25047900000000001</c:v>
                </c:pt>
                <c:pt idx="1186">
                  <c:v>0.25045800000000001</c:v>
                </c:pt>
                <c:pt idx="1187">
                  <c:v>0.25043599999999999</c:v>
                </c:pt>
                <c:pt idx="1188">
                  <c:v>0.250415</c:v>
                </c:pt>
                <c:pt idx="1189">
                  <c:v>0.25039299999999998</c:v>
                </c:pt>
                <c:pt idx="1190">
                  <c:v>0.25037100000000001</c:v>
                </c:pt>
                <c:pt idx="1191">
                  <c:v>0.25034899999999999</c:v>
                </c:pt>
                <c:pt idx="1192">
                  <c:v>0.25032700000000002</c:v>
                </c:pt>
                <c:pt idx="1193">
                  <c:v>0.250305</c:v>
                </c:pt>
                <c:pt idx="1194">
                  <c:v>0.25028299999999998</c:v>
                </c:pt>
                <c:pt idx="1195">
                  <c:v>0.25025999999999998</c:v>
                </c:pt>
                <c:pt idx="1196">
                  <c:v>0.25023699999999999</c:v>
                </c:pt>
                <c:pt idx="1197">
                  <c:v>0.25021500000000002</c:v>
                </c:pt>
                <c:pt idx="1198">
                  <c:v>0.250191</c:v>
                </c:pt>
                <c:pt idx="1199">
                  <c:v>0.250168</c:v>
                </c:pt>
                <c:pt idx="1200">
                  <c:v>0.25014500000000001</c:v>
                </c:pt>
                <c:pt idx="1201">
                  <c:v>0.25012200000000001</c:v>
                </c:pt>
                <c:pt idx="1202">
                  <c:v>0.25009799999999999</c:v>
                </c:pt>
                <c:pt idx="1203">
                  <c:v>0.25007400000000002</c:v>
                </c:pt>
                <c:pt idx="1204">
                  <c:v>0.25004999999999999</c:v>
                </c:pt>
                <c:pt idx="1205">
                  <c:v>0.25002600000000003</c:v>
                </c:pt>
                <c:pt idx="1206">
                  <c:v>0.250002</c:v>
                </c:pt>
                <c:pt idx="1207">
                  <c:v>0.24997800000000001</c:v>
                </c:pt>
                <c:pt idx="1208">
                  <c:v>0.24995300000000001</c:v>
                </c:pt>
                <c:pt idx="1209">
                  <c:v>0.24992800000000001</c:v>
                </c:pt>
                <c:pt idx="1210">
                  <c:v>0.24990299999999999</c:v>
                </c:pt>
                <c:pt idx="1211">
                  <c:v>0.24987799999999999</c:v>
                </c:pt>
                <c:pt idx="1212">
                  <c:v>0.24985299999999999</c:v>
                </c:pt>
                <c:pt idx="1213">
                  <c:v>0.24982799999999999</c:v>
                </c:pt>
                <c:pt idx="1214">
                  <c:v>0.249802</c:v>
                </c:pt>
                <c:pt idx="1215">
                  <c:v>0.249777</c:v>
                </c:pt>
                <c:pt idx="1216">
                  <c:v>0.249751</c:v>
                </c:pt>
                <c:pt idx="1217">
                  <c:v>0.249725</c:v>
                </c:pt>
                <c:pt idx="1218">
                  <c:v>0.249699</c:v>
                </c:pt>
                <c:pt idx="1219">
                  <c:v>0.24967200000000001</c:v>
                </c:pt>
                <c:pt idx="1220">
                  <c:v>0.24964600000000001</c:v>
                </c:pt>
                <c:pt idx="1221">
                  <c:v>0.24961900000000001</c:v>
                </c:pt>
                <c:pt idx="1222">
                  <c:v>0.24959200000000001</c:v>
                </c:pt>
                <c:pt idx="1223">
                  <c:v>0.24956500000000001</c:v>
                </c:pt>
                <c:pt idx="1224">
                  <c:v>0.24953800000000001</c:v>
                </c:pt>
                <c:pt idx="1225">
                  <c:v>0.24951100000000001</c:v>
                </c:pt>
                <c:pt idx="1226">
                  <c:v>0.24948300000000001</c:v>
                </c:pt>
                <c:pt idx="1227">
                  <c:v>0.24945500000000001</c:v>
                </c:pt>
                <c:pt idx="1228">
                  <c:v>0.24942800000000001</c:v>
                </c:pt>
                <c:pt idx="1229">
                  <c:v>0.24940000000000001</c:v>
                </c:pt>
                <c:pt idx="1230">
                  <c:v>0.24937100000000001</c:v>
                </c:pt>
                <c:pt idx="1231">
                  <c:v>0.24934300000000001</c:v>
                </c:pt>
                <c:pt idx="1232">
                  <c:v>0.24931500000000001</c:v>
                </c:pt>
                <c:pt idx="1233">
                  <c:v>0.24928600000000001</c:v>
                </c:pt>
                <c:pt idx="1234">
                  <c:v>0.24925700000000001</c:v>
                </c:pt>
                <c:pt idx="1235">
                  <c:v>0.24922800000000001</c:v>
                </c:pt>
                <c:pt idx="1236">
                  <c:v>0.249199</c:v>
                </c:pt>
                <c:pt idx="1237">
                  <c:v>0.249169</c:v>
                </c:pt>
                <c:pt idx="1238">
                  <c:v>0.24914</c:v>
                </c:pt>
                <c:pt idx="1239">
                  <c:v>0.24911</c:v>
                </c:pt>
                <c:pt idx="1240">
                  <c:v>0.24908</c:v>
                </c:pt>
                <c:pt idx="1241">
                  <c:v>0.24904999999999999</c:v>
                </c:pt>
                <c:pt idx="1242">
                  <c:v>0.24901999999999999</c:v>
                </c:pt>
                <c:pt idx="1243">
                  <c:v>0.24898899999999999</c:v>
                </c:pt>
                <c:pt idx="1244">
                  <c:v>0.24895900000000001</c:v>
                </c:pt>
                <c:pt idx="1245">
                  <c:v>0.24892800000000001</c:v>
                </c:pt>
                <c:pt idx="1246">
                  <c:v>0.24889700000000001</c:v>
                </c:pt>
                <c:pt idx="1247">
                  <c:v>0.248866</c:v>
                </c:pt>
                <c:pt idx="1248">
                  <c:v>0.248835</c:v>
                </c:pt>
                <c:pt idx="1249">
                  <c:v>0.248803</c:v>
                </c:pt>
                <c:pt idx="1250">
                  <c:v>0.24877099999999999</c:v>
                </c:pt>
                <c:pt idx="1251">
                  <c:v>0.24873899999999999</c:v>
                </c:pt>
                <c:pt idx="1252">
                  <c:v>0.24870700000000001</c:v>
                </c:pt>
                <c:pt idx="1253">
                  <c:v>0.24867500000000001</c:v>
                </c:pt>
                <c:pt idx="1254">
                  <c:v>0.248643</c:v>
                </c:pt>
                <c:pt idx="1255">
                  <c:v>0.24861</c:v>
                </c:pt>
                <c:pt idx="1256">
                  <c:v>0.24857699999999999</c:v>
                </c:pt>
                <c:pt idx="1257">
                  <c:v>0.24854399999999999</c:v>
                </c:pt>
                <c:pt idx="1258">
                  <c:v>0.24851100000000001</c:v>
                </c:pt>
                <c:pt idx="1259">
                  <c:v>0.248478</c:v>
                </c:pt>
                <c:pt idx="1260">
                  <c:v>0.248444</c:v>
                </c:pt>
                <c:pt idx="1261">
                  <c:v>0.24841099999999999</c:v>
                </c:pt>
                <c:pt idx="1262">
                  <c:v>0.24837699999999999</c:v>
                </c:pt>
                <c:pt idx="1263">
                  <c:v>0.24834300000000001</c:v>
                </c:pt>
                <c:pt idx="1264">
                  <c:v>0.248308</c:v>
                </c:pt>
                <c:pt idx="1265">
                  <c:v>0.24827399999999999</c:v>
                </c:pt>
                <c:pt idx="1266">
                  <c:v>0.24823899999999999</c:v>
                </c:pt>
                <c:pt idx="1267">
                  <c:v>0.24820400000000001</c:v>
                </c:pt>
                <c:pt idx="1268">
                  <c:v>0.248169</c:v>
                </c:pt>
                <c:pt idx="1269">
                  <c:v>0.24813399999999999</c:v>
                </c:pt>
                <c:pt idx="1270">
                  <c:v>0.24809899999999999</c:v>
                </c:pt>
                <c:pt idx="1271">
                  <c:v>0.24806300000000001</c:v>
                </c:pt>
                <c:pt idx="1272">
                  <c:v>0.248027</c:v>
                </c:pt>
                <c:pt idx="1273">
                  <c:v>0.24799099999999999</c:v>
                </c:pt>
                <c:pt idx="1274">
                  <c:v>0.24795500000000001</c:v>
                </c:pt>
                <c:pt idx="1275">
                  <c:v>0.247919</c:v>
                </c:pt>
                <c:pt idx="1276">
                  <c:v>0.24788199999999999</c:v>
                </c:pt>
                <c:pt idx="1277">
                  <c:v>0.24784500000000001</c:v>
                </c:pt>
                <c:pt idx="1278">
                  <c:v>0.247808</c:v>
                </c:pt>
                <c:pt idx="1279">
                  <c:v>0.24777099999999999</c:v>
                </c:pt>
                <c:pt idx="1280">
                  <c:v>0.24773400000000001</c:v>
                </c:pt>
                <c:pt idx="1281">
                  <c:v>0.247696</c:v>
                </c:pt>
                <c:pt idx="1282">
                  <c:v>0.24765799999999999</c:v>
                </c:pt>
                <c:pt idx="1283">
                  <c:v>0.24762000000000001</c:v>
                </c:pt>
                <c:pt idx="1284">
                  <c:v>0.247582</c:v>
                </c:pt>
                <c:pt idx="1285">
                  <c:v>0.24754399999999999</c:v>
                </c:pt>
                <c:pt idx="1286">
                  <c:v>0.247505</c:v>
                </c:pt>
                <c:pt idx="1287">
                  <c:v>0.24746699999999999</c:v>
                </c:pt>
                <c:pt idx="1288">
                  <c:v>0.24742800000000001</c:v>
                </c:pt>
                <c:pt idx="1289">
                  <c:v>0.247388</c:v>
                </c:pt>
                <c:pt idx="1290">
                  <c:v>0.24734900000000001</c:v>
                </c:pt>
                <c:pt idx="1291">
                  <c:v>0.24731</c:v>
                </c:pt>
                <c:pt idx="1292">
                  <c:v>0.24726999999999999</c:v>
                </c:pt>
                <c:pt idx="1293">
                  <c:v>0.24723000000000001</c:v>
                </c:pt>
                <c:pt idx="1294">
                  <c:v>0.24718999999999999</c:v>
                </c:pt>
                <c:pt idx="1295">
                  <c:v>0.24714900000000001</c:v>
                </c:pt>
                <c:pt idx="1296">
                  <c:v>0.247109</c:v>
                </c:pt>
                <c:pt idx="1297">
                  <c:v>0.24706800000000001</c:v>
                </c:pt>
                <c:pt idx="1298">
                  <c:v>0.247027</c:v>
                </c:pt>
                <c:pt idx="1299">
                  <c:v>0.24698600000000001</c:v>
                </c:pt>
                <c:pt idx="1300">
                  <c:v>0.246944</c:v>
                </c:pt>
                <c:pt idx="1301">
                  <c:v>0.24690300000000001</c:v>
                </c:pt>
                <c:pt idx="1302">
                  <c:v>0.246861</c:v>
                </c:pt>
                <c:pt idx="1303">
                  <c:v>0.24681900000000001</c:v>
                </c:pt>
                <c:pt idx="1304">
                  <c:v>0.246776</c:v>
                </c:pt>
                <c:pt idx="1305">
                  <c:v>0.24673400000000001</c:v>
                </c:pt>
                <c:pt idx="1306">
                  <c:v>0.24669099999999999</c:v>
                </c:pt>
                <c:pt idx="1307">
                  <c:v>0.24664800000000001</c:v>
                </c:pt>
                <c:pt idx="1308">
                  <c:v>0.24660499999999999</c:v>
                </c:pt>
                <c:pt idx="1309">
                  <c:v>0.246562</c:v>
                </c:pt>
                <c:pt idx="1310">
                  <c:v>0.24651799999999999</c:v>
                </c:pt>
                <c:pt idx="1311">
                  <c:v>0.246475</c:v>
                </c:pt>
                <c:pt idx="1312">
                  <c:v>0.24643100000000001</c:v>
                </c:pt>
                <c:pt idx="1313">
                  <c:v>0.24638599999999999</c:v>
                </c:pt>
                <c:pt idx="1314">
                  <c:v>0.24634200000000001</c:v>
                </c:pt>
                <c:pt idx="1315">
                  <c:v>0.24629699999999999</c:v>
                </c:pt>
                <c:pt idx="1316">
                  <c:v>0.246253</c:v>
                </c:pt>
                <c:pt idx="1317">
                  <c:v>0.24620800000000001</c:v>
                </c:pt>
                <c:pt idx="1318">
                  <c:v>0.24616199999999999</c:v>
                </c:pt>
                <c:pt idx="1319">
                  <c:v>0.246117</c:v>
                </c:pt>
                <c:pt idx="1320">
                  <c:v>0.24607100000000001</c:v>
                </c:pt>
                <c:pt idx="1321">
                  <c:v>0.24602499999999999</c:v>
                </c:pt>
                <c:pt idx="1322">
                  <c:v>0.245979</c:v>
                </c:pt>
                <c:pt idx="1323">
                  <c:v>0.24593300000000001</c:v>
                </c:pt>
                <c:pt idx="1324">
                  <c:v>0.24588599999999999</c:v>
                </c:pt>
                <c:pt idx="1325">
                  <c:v>0.24584</c:v>
                </c:pt>
                <c:pt idx="1326">
                  <c:v>0.24579300000000001</c:v>
                </c:pt>
                <c:pt idx="1327">
                  <c:v>0.24574599999999999</c:v>
                </c:pt>
                <c:pt idx="1328">
                  <c:v>0.245698</c:v>
                </c:pt>
                <c:pt idx="1329">
                  <c:v>0.24565100000000001</c:v>
                </c:pt>
                <c:pt idx="1330">
                  <c:v>0.24560299999999999</c:v>
                </c:pt>
                <c:pt idx="1331">
                  <c:v>0.245555</c:v>
                </c:pt>
                <c:pt idx="1332">
                  <c:v>0.245506</c:v>
                </c:pt>
                <c:pt idx="1333">
                  <c:v>0.24545800000000001</c:v>
                </c:pt>
                <c:pt idx="1334">
                  <c:v>0.24540899999999999</c:v>
                </c:pt>
                <c:pt idx="1335">
                  <c:v>0.24535999999999999</c:v>
                </c:pt>
                <c:pt idx="1336">
                  <c:v>0.245311</c:v>
                </c:pt>
                <c:pt idx="1337">
                  <c:v>0.24526200000000001</c:v>
                </c:pt>
                <c:pt idx="1338">
                  <c:v>0.24521200000000001</c:v>
                </c:pt>
                <c:pt idx="1339">
                  <c:v>0.24516299999999999</c:v>
                </c:pt>
                <c:pt idx="1340">
                  <c:v>0.245113</c:v>
                </c:pt>
                <c:pt idx="1341">
                  <c:v>0.245062</c:v>
                </c:pt>
                <c:pt idx="1342">
                  <c:v>0.24501200000000001</c:v>
                </c:pt>
                <c:pt idx="1343">
                  <c:v>0.24496100000000001</c:v>
                </c:pt>
                <c:pt idx="1344">
                  <c:v>0.24490999999999999</c:v>
                </c:pt>
                <c:pt idx="1345">
                  <c:v>0.24485899999999999</c:v>
                </c:pt>
                <c:pt idx="1346">
                  <c:v>0.244808</c:v>
                </c:pt>
                <c:pt idx="1347">
                  <c:v>0.244757</c:v>
                </c:pt>
                <c:pt idx="1348">
                  <c:v>0.24470500000000001</c:v>
                </c:pt>
                <c:pt idx="1349">
                  <c:v>0.24465300000000001</c:v>
                </c:pt>
                <c:pt idx="1350">
                  <c:v>0.24460100000000001</c:v>
                </c:pt>
                <c:pt idx="1351">
                  <c:v>0.24454799999999999</c:v>
                </c:pt>
                <c:pt idx="1352">
                  <c:v>0.24449599999999999</c:v>
                </c:pt>
                <c:pt idx="1353">
                  <c:v>0.24444299999999999</c:v>
                </c:pt>
                <c:pt idx="1354">
                  <c:v>0.24439</c:v>
                </c:pt>
                <c:pt idx="1355">
                  <c:v>0.244337</c:v>
                </c:pt>
                <c:pt idx="1356">
                  <c:v>0.244284</c:v>
                </c:pt>
                <c:pt idx="1357">
                  <c:v>0.24423</c:v>
                </c:pt>
                <c:pt idx="1358">
                  <c:v>0.244176</c:v>
                </c:pt>
                <c:pt idx="1359">
                  <c:v>0.24412200000000001</c:v>
                </c:pt>
                <c:pt idx="1360">
                  <c:v>0.24406800000000001</c:v>
                </c:pt>
                <c:pt idx="1361">
                  <c:v>0.24401300000000001</c:v>
                </c:pt>
                <c:pt idx="1362">
                  <c:v>0.24395900000000001</c:v>
                </c:pt>
                <c:pt idx="1363">
                  <c:v>0.24390400000000001</c:v>
                </c:pt>
                <c:pt idx="1364">
                  <c:v>0.24384900000000001</c:v>
                </c:pt>
                <c:pt idx="1365">
                  <c:v>0.24379400000000001</c:v>
                </c:pt>
                <c:pt idx="1366">
                  <c:v>0.24373800000000001</c:v>
                </c:pt>
                <c:pt idx="1367">
                  <c:v>0.24368200000000001</c:v>
                </c:pt>
                <c:pt idx="1368">
                  <c:v>0.24362600000000001</c:v>
                </c:pt>
                <c:pt idx="1369">
                  <c:v>0.24357000000000001</c:v>
                </c:pt>
                <c:pt idx="1370">
                  <c:v>0.24351400000000001</c:v>
                </c:pt>
                <c:pt idx="1371">
                  <c:v>0.24345800000000001</c:v>
                </c:pt>
                <c:pt idx="1372">
                  <c:v>0.24340100000000001</c:v>
                </c:pt>
                <c:pt idx="1373">
                  <c:v>0.243344</c:v>
                </c:pt>
                <c:pt idx="1374">
                  <c:v>0.243287</c:v>
                </c:pt>
                <c:pt idx="1375">
                  <c:v>0.24323</c:v>
                </c:pt>
                <c:pt idx="1376">
                  <c:v>0.243172</c:v>
                </c:pt>
                <c:pt idx="1377">
                  <c:v>0.243115</c:v>
                </c:pt>
                <c:pt idx="1378">
                  <c:v>0.243057</c:v>
                </c:pt>
                <c:pt idx="1379">
                  <c:v>0.24299899999999999</c:v>
                </c:pt>
                <c:pt idx="1380">
                  <c:v>0.24293999999999999</c:v>
                </c:pt>
                <c:pt idx="1381">
                  <c:v>0.24288199999999999</c:v>
                </c:pt>
                <c:pt idx="1382">
                  <c:v>0.24282300000000001</c:v>
                </c:pt>
                <c:pt idx="1383">
                  <c:v>0.24276500000000001</c:v>
                </c:pt>
                <c:pt idx="1384">
                  <c:v>0.24270600000000001</c:v>
                </c:pt>
                <c:pt idx="1385">
                  <c:v>0.242646</c:v>
                </c:pt>
                <c:pt idx="1386">
                  <c:v>0.242587</c:v>
                </c:pt>
                <c:pt idx="1387">
                  <c:v>0.24252799999999999</c:v>
                </c:pt>
                <c:pt idx="1388">
                  <c:v>0.24246799999999999</c:v>
                </c:pt>
                <c:pt idx="1389">
                  <c:v>0.24240800000000001</c:v>
                </c:pt>
                <c:pt idx="1390">
                  <c:v>0.24234800000000001</c:v>
                </c:pt>
                <c:pt idx="1391">
                  <c:v>0.242288</c:v>
                </c:pt>
                <c:pt idx="1392">
                  <c:v>0.242227</c:v>
                </c:pt>
                <c:pt idx="1393">
                  <c:v>0.24216699999999999</c:v>
                </c:pt>
                <c:pt idx="1394">
                  <c:v>0.24210599999999999</c:v>
                </c:pt>
                <c:pt idx="1395">
                  <c:v>0.24204500000000001</c:v>
                </c:pt>
                <c:pt idx="1396">
                  <c:v>0.241984</c:v>
                </c:pt>
                <c:pt idx="1397">
                  <c:v>0.241923</c:v>
                </c:pt>
                <c:pt idx="1398">
                  <c:v>0.24186099999999999</c:v>
                </c:pt>
                <c:pt idx="1399">
                  <c:v>0.24179999999999999</c:v>
                </c:pt>
                <c:pt idx="1400">
                  <c:v>0.24173800000000001</c:v>
                </c:pt>
                <c:pt idx="1401">
                  <c:v>0.241676</c:v>
                </c:pt>
                <c:pt idx="1402">
                  <c:v>0.241614</c:v>
                </c:pt>
                <c:pt idx="1403">
                  <c:v>0.24155199999999999</c:v>
                </c:pt>
                <c:pt idx="1404">
                  <c:v>0.24148900000000001</c:v>
                </c:pt>
                <c:pt idx="1405">
                  <c:v>0.241427</c:v>
                </c:pt>
                <c:pt idx="1406">
                  <c:v>0.241364</c:v>
                </c:pt>
                <c:pt idx="1407">
                  <c:v>0.24130099999999999</c:v>
                </c:pt>
                <c:pt idx="1408">
                  <c:v>0.24123800000000001</c:v>
                </c:pt>
                <c:pt idx="1409">
                  <c:v>0.241175</c:v>
                </c:pt>
                <c:pt idx="1410">
                  <c:v>0.24111199999999999</c:v>
                </c:pt>
                <c:pt idx="1411">
                  <c:v>0.24104800000000001</c:v>
                </c:pt>
                <c:pt idx="1412">
                  <c:v>0.240984</c:v>
                </c:pt>
                <c:pt idx="1413">
                  <c:v>0.240921</c:v>
                </c:pt>
                <c:pt idx="1414">
                  <c:v>0.24085699999999999</c:v>
                </c:pt>
                <c:pt idx="1415">
                  <c:v>0.24079300000000001</c:v>
                </c:pt>
                <c:pt idx="1416">
                  <c:v>0.240729</c:v>
                </c:pt>
                <c:pt idx="1417">
                  <c:v>0.24066399999999999</c:v>
                </c:pt>
                <c:pt idx="1418">
                  <c:v>0.24060000000000001</c:v>
                </c:pt>
                <c:pt idx="1419">
                  <c:v>0.240535</c:v>
                </c:pt>
                <c:pt idx="1420">
                  <c:v>0.24047099999999999</c:v>
                </c:pt>
                <c:pt idx="1421">
                  <c:v>0.24040600000000001</c:v>
                </c:pt>
                <c:pt idx="1422">
                  <c:v>0.240341</c:v>
                </c:pt>
                <c:pt idx="1423">
                  <c:v>0.24027599999999999</c:v>
                </c:pt>
                <c:pt idx="1424">
                  <c:v>0.24021100000000001</c:v>
                </c:pt>
                <c:pt idx="1425">
                  <c:v>0.240145</c:v>
                </c:pt>
                <c:pt idx="1426">
                  <c:v>0.24007999999999999</c:v>
                </c:pt>
                <c:pt idx="1427">
                  <c:v>0.24001400000000001</c:v>
                </c:pt>
                <c:pt idx="1428">
                  <c:v>0.239949</c:v>
                </c:pt>
                <c:pt idx="1429">
                  <c:v>0.23988300000000001</c:v>
                </c:pt>
                <c:pt idx="1430">
                  <c:v>0.239817</c:v>
                </c:pt>
                <c:pt idx="1431">
                  <c:v>0.23975099999999999</c:v>
                </c:pt>
                <c:pt idx="1432">
                  <c:v>0.23968500000000001</c:v>
                </c:pt>
                <c:pt idx="1433">
                  <c:v>0.239618</c:v>
                </c:pt>
                <c:pt idx="1434">
                  <c:v>0.23955199999999999</c:v>
                </c:pt>
                <c:pt idx="1435">
                  <c:v>0.239486</c:v>
                </c:pt>
                <c:pt idx="1436">
                  <c:v>0.23941899999999999</c:v>
                </c:pt>
                <c:pt idx="1437">
                  <c:v>0.23935200000000001</c:v>
                </c:pt>
                <c:pt idx="1438">
                  <c:v>0.239286</c:v>
                </c:pt>
                <c:pt idx="1439">
                  <c:v>0.23921899999999999</c:v>
                </c:pt>
                <c:pt idx="1440">
                  <c:v>0.239152</c:v>
                </c:pt>
                <c:pt idx="1441">
                  <c:v>0.23908499999999999</c:v>
                </c:pt>
                <c:pt idx="1442">
                  <c:v>0.23901700000000001</c:v>
                </c:pt>
                <c:pt idx="1443">
                  <c:v>0.23895</c:v>
                </c:pt>
                <c:pt idx="1444">
                  <c:v>0.23888300000000001</c:v>
                </c:pt>
                <c:pt idx="1445">
                  <c:v>0.238815</c:v>
                </c:pt>
                <c:pt idx="1446">
                  <c:v>0.23874799999999999</c:v>
                </c:pt>
                <c:pt idx="1447">
                  <c:v>0.23868</c:v>
                </c:pt>
                <c:pt idx="1448">
                  <c:v>0.23861299999999999</c:v>
                </c:pt>
                <c:pt idx="1449">
                  <c:v>0.23854500000000001</c:v>
                </c:pt>
                <c:pt idx="1450">
                  <c:v>0.23847699999999999</c:v>
                </c:pt>
                <c:pt idx="1451">
                  <c:v>0.23840900000000001</c:v>
                </c:pt>
                <c:pt idx="1452">
                  <c:v>0.238341</c:v>
                </c:pt>
                <c:pt idx="1453">
                  <c:v>0.23827300000000001</c:v>
                </c:pt>
                <c:pt idx="1454">
                  <c:v>0.238204</c:v>
                </c:pt>
                <c:pt idx="1455">
                  <c:v>0.23813599999999999</c:v>
                </c:pt>
                <c:pt idx="1456">
                  <c:v>0.238068</c:v>
                </c:pt>
                <c:pt idx="1457">
                  <c:v>0.23799899999999999</c:v>
                </c:pt>
                <c:pt idx="1458">
                  <c:v>0.237931</c:v>
                </c:pt>
                <c:pt idx="1459">
                  <c:v>0.23786199999999999</c:v>
                </c:pt>
                <c:pt idx="1460">
                  <c:v>0.23779400000000001</c:v>
                </c:pt>
                <c:pt idx="1461">
                  <c:v>0.23772499999999999</c:v>
                </c:pt>
                <c:pt idx="1462">
                  <c:v>0.23765600000000001</c:v>
                </c:pt>
                <c:pt idx="1463">
                  <c:v>0.23758699999999999</c:v>
                </c:pt>
                <c:pt idx="1464">
                  <c:v>0.23751800000000001</c:v>
                </c:pt>
                <c:pt idx="1465">
                  <c:v>0.23744899999999999</c:v>
                </c:pt>
                <c:pt idx="1466">
                  <c:v>0.23738000000000001</c:v>
                </c:pt>
                <c:pt idx="1467">
                  <c:v>0.23731099999999999</c:v>
                </c:pt>
                <c:pt idx="1468">
                  <c:v>0.23724200000000001</c:v>
                </c:pt>
                <c:pt idx="1469">
                  <c:v>0.23717299999999999</c:v>
                </c:pt>
                <c:pt idx="1470">
                  <c:v>0.23710400000000001</c:v>
                </c:pt>
                <c:pt idx="1471">
                  <c:v>0.23703399999999999</c:v>
                </c:pt>
                <c:pt idx="1472">
                  <c:v>0.23696500000000001</c:v>
                </c:pt>
                <c:pt idx="1473">
                  <c:v>0.236896</c:v>
                </c:pt>
                <c:pt idx="1474">
                  <c:v>0.23682600000000001</c:v>
                </c:pt>
                <c:pt idx="1475">
                  <c:v>0.236757</c:v>
                </c:pt>
                <c:pt idx="1476">
                  <c:v>0.23668700000000001</c:v>
                </c:pt>
                <c:pt idx="1477">
                  <c:v>0.23661699999999999</c:v>
                </c:pt>
                <c:pt idx="1478">
                  <c:v>0.23654800000000001</c:v>
                </c:pt>
                <c:pt idx="1479">
                  <c:v>0.23647799999999999</c:v>
                </c:pt>
                <c:pt idx="1480">
                  <c:v>0.23640800000000001</c:v>
                </c:pt>
                <c:pt idx="1481">
                  <c:v>0.23633799999999999</c:v>
                </c:pt>
                <c:pt idx="1482">
                  <c:v>0.23626900000000001</c:v>
                </c:pt>
                <c:pt idx="1483">
                  <c:v>0.23619899999999999</c:v>
                </c:pt>
                <c:pt idx="1484">
                  <c:v>0.23612900000000001</c:v>
                </c:pt>
                <c:pt idx="1485">
                  <c:v>0.23605899999999999</c:v>
                </c:pt>
                <c:pt idx="1486">
                  <c:v>0.235989</c:v>
                </c:pt>
                <c:pt idx="1487">
                  <c:v>0.23591899999999999</c:v>
                </c:pt>
                <c:pt idx="1488">
                  <c:v>0.235849</c:v>
                </c:pt>
                <c:pt idx="1489">
                  <c:v>0.23577899999999999</c:v>
                </c:pt>
                <c:pt idx="1490">
                  <c:v>0.235708</c:v>
                </c:pt>
                <c:pt idx="1491">
                  <c:v>0.23563799999999999</c:v>
                </c:pt>
                <c:pt idx="1492">
                  <c:v>0.235568</c:v>
                </c:pt>
                <c:pt idx="1493">
                  <c:v>0.23549800000000001</c:v>
                </c:pt>
                <c:pt idx="1494">
                  <c:v>0.235428</c:v>
                </c:pt>
                <c:pt idx="1495">
                  <c:v>0.23535700000000001</c:v>
                </c:pt>
                <c:pt idx="1496">
                  <c:v>0.235287</c:v>
                </c:pt>
                <c:pt idx="1497">
                  <c:v>0.23521700000000001</c:v>
                </c:pt>
                <c:pt idx="1498">
                  <c:v>0.23514599999999999</c:v>
                </c:pt>
                <c:pt idx="1499">
                  <c:v>0.23507600000000001</c:v>
                </c:pt>
                <c:pt idx="1500">
                  <c:v>0.23500499999999999</c:v>
                </c:pt>
                <c:pt idx="1501">
                  <c:v>0.234935</c:v>
                </c:pt>
                <c:pt idx="1502">
                  <c:v>0.23486499999999999</c:v>
                </c:pt>
                <c:pt idx="1503">
                  <c:v>0.234794</c:v>
                </c:pt>
                <c:pt idx="1504">
                  <c:v>0.23472399999999999</c:v>
                </c:pt>
                <c:pt idx="1505">
                  <c:v>0.234653</c:v>
                </c:pt>
                <c:pt idx="1506">
                  <c:v>0.23458300000000001</c:v>
                </c:pt>
                <c:pt idx="1507">
                  <c:v>0.234512</c:v>
                </c:pt>
                <c:pt idx="1508">
                  <c:v>0.23444200000000001</c:v>
                </c:pt>
                <c:pt idx="1509">
                  <c:v>0.234371</c:v>
                </c:pt>
                <c:pt idx="1510">
                  <c:v>0.23430000000000001</c:v>
                </c:pt>
                <c:pt idx="1511">
                  <c:v>0.23422999999999999</c:v>
                </c:pt>
                <c:pt idx="1512">
                  <c:v>0.23415900000000001</c:v>
                </c:pt>
                <c:pt idx="1513">
                  <c:v>0.23408899999999999</c:v>
                </c:pt>
                <c:pt idx="1514">
                  <c:v>0.234018</c:v>
                </c:pt>
                <c:pt idx="1515">
                  <c:v>0.23394699999999999</c:v>
                </c:pt>
                <c:pt idx="1516">
                  <c:v>0.233877</c:v>
                </c:pt>
                <c:pt idx="1517">
                  <c:v>0.23380600000000001</c:v>
                </c:pt>
                <c:pt idx="1518">
                  <c:v>0.233735</c:v>
                </c:pt>
                <c:pt idx="1519">
                  <c:v>0.23366500000000001</c:v>
                </c:pt>
                <c:pt idx="1520">
                  <c:v>0.233594</c:v>
                </c:pt>
                <c:pt idx="1521">
                  <c:v>0.23352300000000001</c:v>
                </c:pt>
                <c:pt idx="1522">
                  <c:v>0.23345199999999999</c:v>
                </c:pt>
                <c:pt idx="1523">
                  <c:v>0.23338200000000001</c:v>
                </c:pt>
                <c:pt idx="1524">
                  <c:v>0.23331099999999999</c:v>
                </c:pt>
                <c:pt idx="1525">
                  <c:v>0.23324</c:v>
                </c:pt>
                <c:pt idx="1526">
                  <c:v>0.23316999999999999</c:v>
                </c:pt>
                <c:pt idx="1527">
                  <c:v>0.233099</c:v>
                </c:pt>
                <c:pt idx="1528">
                  <c:v>0.23302800000000001</c:v>
                </c:pt>
                <c:pt idx="1529">
                  <c:v>0.232958</c:v>
                </c:pt>
                <c:pt idx="1530">
                  <c:v>0.23288700000000001</c:v>
                </c:pt>
                <c:pt idx="1531">
                  <c:v>0.232816</c:v>
                </c:pt>
                <c:pt idx="1532">
                  <c:v>0.23274600000000001</c:v>
                </c:pt>
                <c:pt idx="1533">
                  <c:v>0.23267499999999999</c:v>
                </c:pt>
                <c:pt idx="1534">
                  <c:v>0.23260400000000001</c:v>
                </c:pt>
                <c:pt idx="1535">
                  <c:v>0.23253299999999999</c:v>
                </c:pt>
                <c:pt idx="1536">
                  <c:v>0.232463</c:v>
                </c:pt>
                <c:pt idx="1537">
                  <c:v>0.23239199999999999</c:v>
                </c:pt>
                <c:pt idx="1538">
                  <c:v>0.232321</c:v>
                </c:pt>
                <c:pt idx="1539">
                  <c:v>0.23225100000000001</c:v>
                </c:pt>
                <c:pt idx="1540">
                  <c:v>0.23218</c:v>
                </c:pt>
                <c:pt idx="1541">
                  <c:v>0.23210900000000001</c:v>
                </c:pt>
                <c:pt idx="1542">
                  <c:v>0.232039</c:v>
                </c:pt>
                <c:pt idx="1543">
                  <c:v>0.23196800000000001</c:v>
                </c:pt>
                <c:pt idx="1544">
                  <c:v>0.23189799999999999</c:v>
                </c:pt>
                <c:pt idx="1545">
                  <c:v>0.23182700000000001</c:v>
                </c:pt>
                <c:pt idx="1546">
                  <c:v>0.23175599999999999</c:v>
                </c:pt>
                <c:pt idx="1547">
                  <c:v>0.231686</c:v>
                </c:pt>
                <c:pt idx="1548">
                  <c:v>0.23161499999999999</c:v>
                </c:pt>
                <c:pt idx="1549">
                  <c:v>0.231545</c:v>
                </c:pt>
                <c:pt idx="1550">
                  <c:v>0.23147400000000001</c:v>
                </c:pt>
                <c:pt idx="1551">
                  <c:v>0.231404</c:v>
                </c:pt>
                <c:pt idx="1552">
                  <c:v>0.23133300000000001</c:v>
                </c:pt>
                <c:pt idx="1553">
                  <c:v>0.231263</c:v>
                </c:pt>
                <c:pt idx="1554">
                  <c:v>0.23119200000000001</c:v>
                </c:pt>
                <c:pt idx="1555">
                  <c:v>0.23112199999999999</c:v>
                </c:pt>
                <c:pt idx="1556">
                  <c:v>0.23105100000000001</c:v>
                </c:pt>
                <c:pt idx="1557">
                  <c:v>0.23098099999999999</c:v>
                </c:pt>
                <c:pt idx="1558">
                  <c:v>0.23091</c:v>
                </c:pt>
                <c:pt idx="1559">
                  <c:v>0.23083999999999999</c:v>
                </c:pt>
                <c:pt idx="1560">
                  <c:v>0.230769</c:v>
                </c:pt>
                <c:pt idx="1561">
                  <c:v>0.23069899999999999</c:v>
                </c:pt>
                <c:pt idx="1562">
                  <c:v>0.230629</c:v>
                </c:pt>
                <c:pt idx="1563">
                  <c:v>0.23055800000000001</c:v>
                </c:pt>
                <c:pt idx="1564">
                  <c:v>0.230488</c:v>
                </c:pt>
                <c:pt idx="1565">
                  <c:v>0.23041800000000001</c:v>
                </c:pt>
                <c:pt idx="1566">
                  <c:v>0.230348</c:v>
                </c:pt>
                <c:pt idx="1567">
                  <c:v>0.23027700000000001</c:v>
                </c:pt>
                <c:pt idx="1568">
                  <c:v>0.23020699999999999</c:v>
                </c:pt>
                <c:pt idx="1569">
                  <c:v>0.23013700000000001</c:v>
                </c:pt>
                <c:pt idx="1570">
                  <c:v>0.23006699999999999</c:v>
                </c:pt>
                <c:pt idx="1571">
                  <c:v>0.22999700000000001</c:v>
                </c:pt>
                <c:pt idx="1572">
                  <c:v>0.22992599999999999</c:v>
                </c:pt>
                <c:pt idx="1573">
                  <c:v>0.229856</c:v>
                </c:pt>
                <c:pt idx="1574">
                  <c:v>0.22978599999999999</c:v>
                </c:pt>
                <c:pt idx="1575">
                  <c:v>0.229716</c:v>
                </c:pt>
                <c:pt idx="1576">
                  <c:v>0.22964599999999999</c:v>
                </c:pt>
                <c:pt idx="1577">
                  <c:v>0.229576</c:v>
                </c:pt>
                <c:pt idx="1578">
                  <c:v>0.22950599999999999</c:v>
                </c:pt>
                <c:pt idx="1579">
                  <c:v>0.229436</c:v>
                </c:pt>
                <c:pt idx="1580">
                  <c:v>0.22936599999999999</c:v>
                </c:pt>
                <c:pt idx="1581">
                  <c:v>0.229296</c:v>
                </c:pt>
                <c:pt idx="1582">
                  <c:v>0.22922600000000001</c:v>
                </c:pt>
                <c:pt idx="1583">
                  <c:v>0.229157</c:v>
                </c:pt>
                <c:pt idx="1584">
                  <c:v>0.22908700000000001</c:v>
                </c:pt>
                <c:pt idx="1585">
                  <c:v>0.229017</c:v>
                </c:pt>
                <c:pt idx="1586">
                  <c:v>0.22894700000000001</c:v>
                </c:pt>
                <c:pt idx="1587">
                  <c:v>0.228877</c:v>
                </c:pt>
                <c:pt idx="1588">
                  <c:v>0.22880800000000001</c:v>
                </c:pt>
                <c:pt idx="1589">
                  <c:v>0.228738</c:v>
                </c:pt>
                <c:pt idx="1590">
                  <c:v>0.22866800000000001</c:v>
                </c:pt>
                <c:pt idx="1591">
                  <c:v>0.228599</c:v>
                </c:pt>
                <c:pt idx="1592">
                  <c:v>0.22852900000000001</c:v>
                </c:pt>
                <c:pt idx="1593">
                  <c:v>0.22846</c:v>
                </c:pt>
                <c:pt idx="1594">
                  <c:v>0.22839000000000001</c:v>
                </c:pt>
                <c:pt idx="1595">
                  <c:v>0.228321</c:v>
                </c:pt>
                <c:pt idx="1596">
                  <c:v>0.22825100000000001</c:v>
                </c:pt>
                <c:pt idx="1597">
                  <c:v>0.228182</c:v>
                </c:pt>
                <c:pt idx="1598">
                  <c:v>0.22811200000000001</c:v>
                </c:pt>
                <c:pt idx="1599">
                  <c:v>0.228043</c:v>
                </c:pt>
                <c:pt idx="1600">
                  <c:v>0.22797400000000001</c:v>
                </c:pt>
                <c:pt idx="1601">
                  <c:v>0.227904</c:v>
                </c:pt>
                <c:pt idx="1602">
                  <c:v>0.22783500000000001</c:v>
                </c:pt>
                <c:pt idx="1603">
                  <c:v>0.227766</c:v>
                </c:pt>
                <c:pt idx="1604">
                  <c:v>0.22769700000000001</c:v>
                </c:pt>
                <c:pt idx="1605">
                  <c:v>0.227628</c:v>
                </c:pt>
                <c:pt idx="1606">
                  <c:v>0.22755800000000001</c:v>
                </c:pt>
                <c:pt idx="1607">
                  <c:v>0.227489</c:v>
                </c:pt>
                <c:pt idx="1608">
                  <c:v>0.22742000000000001</c:v>
                </c:pt>
                <c:pt idx="1609">
                  <c:v>0.227351</c:v>
                </c:pt>
                <c:pt idx="1610">
                  <c:v>0.22728200000000001</c:v>
                </c:pt>
                <c:pt idx="1611">
                  <c:v>0.227213</c:v>
                </c:pt>
                <c:pt idx="1612">
                  <c:v>0.22714400000000001</c:v>
                </c:pt>
                <c:pt idx="1613">
                  <c:v>0.227075</c:v>
                </c:pt>
                <c:pt idx="1614">
                  <c:v>0.22700699999999999</c:v>
                </c:pt>
                <c:pt idx="1615">
                  <c:v>0.226938</c:v>
                </c:pt>
                <c:pt idx="1616">
                  <c:v>0.22686899999999999</c:v>
                </c:pt>
                <c:pt idx="1617">
                  <c:v>0.2268</c:v>
                </c:pt>
                <c:pt idx="1618">
                  <c:v>0.22673199999999999</c:v>
                </c:pt>
                <c:pt idx="1619">
                  <c:v>0.226663</c:v>
                </c:pt>
                <c:pt idx="1620">
                  <c:v>0.22659399999999999</c:v>
                </c:pt>
                <c:pt idx="1621">
                  <c:v>0.22652600000000001</c:v>
                </c:pt>
                <c:pt idx="1622">
                  <c:v>0.22645699999999999</c:v>
                </c:pt>
                <c:pt idx="1623">
                  <c:v>0.22638900000000001</c:v>
                </c:pt>
                <c:pt idx="1624">
                  <c:v>0.22631999999999999</c:v>
                </c:pt>
                <c:pt idx="1625">
                  <c:v>0.22625200000000001</c:v>
                </c:pt>
                <c:pt idx="1626">
                  <c:v>0.226183</c:v>
                </c:pt>
                <c:pt idx="1627">
                  <c:v>0.22611500000000001</c:v>
                </c:pt>
                <c:pt idx="1628">
                  <c:v>0.226047</c:v>
                </c:pt>
                <c:pt idx="1629">
                  <c:v>0.22597800000000001</c:v>
                </c:pt>
                <c:pt idx="1630">
                  <c:v>0.22591</c:v>
                </c:pt>
                <c:pt idx="1631">
                  <c:v>0.22584199999999999</c:v>
                </c:pt>
                <c:pt idx="1632">
                  <c:v>0.225774</c:v>
                </c:pt>
                <c:pt idx="1633">
                  <c:v>0.22570599999999999</c:v>
                </c:pt>
                <c:pt idx="1634">
                  <c:v>0.22563800000000001</c:v>
                </c:pt>
                <c:pt idx="1635">
                  <c:v>0.22556999999999999</c:v>
                </c:pt>
                <c:pt idx="1636">
                  <c:v>0.22550200000000001</c:v>
                </c:pt>
                <c:pt idx="1637">
                  <c:v>0.225434</c:v>
                </c:pt>
                <c:pt idx="1638">
                  <c:v>0.22536600000000001</c:v>
                </c:pt>
                <c:pt idx="1639">
                  <c:v>0.225298</c:v>
                </c:pt>
                <c:pt idx="1640">
                  <c:v>0.22523000000000001</c:v>
                </c:pt>
                <c:pt idx="1641">
                  <c:v>0.225162</c:v>
                </c:pt>
                <c:pt idx="1642">
                  <c:v>0.22509499999999999</c:v>
                </c:pt>
                <c:pt idx="1643">
                  <c:v>0.225027</c:v>
                </c:pt>
                <c:pt idx="1644">
                  <c:v>0.22495899999999999</c:v>
                </c:pt>
                <c:pt idx="1645">
                  <c:v>0.22489200000000001</c:v>
                </c:pt>
                <c:pt idx="1646">
                  <c:v>0.224824</c:v>
                </c:pt>
                <c:pt idx="1647">
                  <c:v>0.22475700000000001</c:v>
                </c:pt>
                <c:pt idx="1648">
                  <c:v>0.224689</c:v>
                </c:pt>
                <c:pt idx="1649">
                  <c:v>0.22462199999999999</c:v>
                </c:pt>
                <c:pt idx="1650">
                  <c:v>0.224554</c:v>
                </c:pt>
                <c:pt idx="1651">
                  <c:v>0.22448699999999999</c:v>
                </c:pt>
                <c:pt idx="1652">
                  <c:v>0.22442000000000001</c:v>
                </c:pt>
                <c:pt idx="1653">
                  <c:v>0.224352</c:v>
                </c:pt>
                <c:pt idx="1654">
                  <c:v>0.22428500000000001</c:v>
                </c:pt>
                <c:pt idx="1655">
                  <c:v>0.224218</c:v>
                </c:pt>
                <c:pt idx="1656">
                  <c:v>0.22415099999999999</c:v>
                </c:pt>
                <c:pt idx="1657">
                  <c:v>0.22408400000000001</c:v>
                </c:pt>
                <c:pt idx="1658">
                  <c:v>0.22401699999999999</c:v>
                </c:pt>
                <c:pt idx="1659">
                  <c:v>0.22395000000000001</c:v>
                </c:pt>
                <c:pt idx="1660">
                  <c:v>0.223883</c:v>
                </c:pt>
                <c:pt idx="1661">
                  <c:v>0.22381599999999999</c:v>
                </c:pt>
                <c:pt idx="1662">
                  <c:v>0.223749</c:v>
                </c:pt>
                <c:pt idx="1663">
                  <c:v>0.22368199999999999</c:v>
                </c:pt>
                <c:pt idx="1664">
                  <c:v>0.22361500000000001</c:v>
                </c:pt>
                <c:pt idx="1665">
                  <c:v>0.223549</c:v>
                </c:pt>
                <c:pt idx="1666">
                  <c:v>0.22348199999999999</c:v>
                </c:pt>
                <c:pt idx="1667">
                  <c:v>0.223415</c:v>
                </c:pt>
                <c:pt idx="1668">
                  <c:v>0.22334899999999999</c:v>
                </c:pt>
                <c:pt idx="1669">
                  <c:v>0.22328200000000001</c:v>
                </c:pt>
                <c:pt idx="1670">
                  <c:v>0.223216</c:v>
                </c:pt>
                <c:pt idx="1671">
                  <c:v>0.22314899999999999</c:v>
                </c:pt>
                <c:pt idx="1672">
                  <c:v>0.223083</c:v>
                </c:pt>
                <c:pt idx="1673">
                  <c:v>0.22301599999999999</c:v>
                </c:pt>
                <c:pt idx="1674">
                  <c:v>0.22295000000000001</c:v>
                </c:pt>
                <c:pt idx="1675">
                  <c:v>0.222884</c:v>
                </c:pt>
                <c:pt idx="1676">
                  <c:v>0.22281799999999999</c:v>
                </c:pt>
                <c:pt idx="1677">
                  <c:v>0.222751</c:v>
                </c:pt>
                <c:pt idx="1678">
                  <c:v>0.22268499999999999</c:v>
                </c:pt>
                <c:pt idx="1679">
                  <c:v>0.22261900000000001</c:v>
                </c:pt>
                <c:pt idx="1680">
                  <c:v>0.222553</c:v>
                </c:pt>
                <c:pt idx="1681">
                  <c:v>0.22248699999999999</c:v>
                </c:pt>
                <c:pt idx="1682">
                  <c:v>0.22242100000000001</c:v>
                </c:pt>
                <c:pt idx="1683">
                  <c:v>0.222355</c:v>
                </c:pt>
                <c:pt idx="1684">
                  <c:v>0.22228999999999999</c:v>
                </c:pt>
                <c:pt idx="1685">
                  <c:v>0.222224</c:v>
                </c:pt>
                <c:pt idx="1686">
                  <c:v>0.22215799999999999</c:v>
                </c:pt>
                <c:pt idx="1687">
                  <c:v>0.22209200000000001</c:v>
                </c:pt>
                <c:pt idx="1688">
                  <c:v>0.222027</c:v>
                </c:pt>
                <c:pt idx="1689">
                  <c:v>0.22196099999999999</c:v>
                </c:pt>
                <c:pt idx="1690">
                  <c:v>0.22189500000000001</c:v>
                </c:pt>
                <c:pt idx="1691">
                  <c:v>0.22183</c:v>
                </c:pt>
                <c:pt idx="1692">
                  <c:v>0.22176399999999999</c:v>
                </c:pt>
                <c:pt idx="1693">
                  <c:v>0.22169900000000001</c:v>
                </c:pt>
                <c:pt idx="1694">
                  <c:v>0.221634</c:v>
                </c:pt>
                <c:pt idx="1695">
                  <c:v>0.22156799999999999</c:v>
                </c:pt>
                <c:pt idx="1696">
                  <c:v>0.22150300000000001</c:v>
                </c:pt>
                <c:pt idx="1697">
                  <c:v>0.221438</c:v>
                </c:pt>
                <c:pt idx="1698">
                  <c:v>0.22137299999999999</c:v>
                </c:pt>
                <c:pt idx="1699">
                  <c:v>0.221307</c:v>
                </c:pt>
                <c:pt idx="1700">
                  <c:v>0.22124199999999999</c:v>
                </c:pt>
                <c:pt idx="1701">
                  <c:v>0.22117700000000001</c:v>
                </c:pt>
                <c:pt idx="1702">
                  <c:v>0.221112</c:v>
                </c:pt>
                <c:pt idx="1703">
                  <c:v>0.22104699999999999</c:v>
                </c:pt>
                <c:pt idx="1704">
                  <c:v>0.22098200000000001</c:v>
                </c:pt>
                <c:pt idx="1705">
                  <c:v>0.220918</c:v>
                </c:pt>
                <c:pt idx="1706">
                  <c:v>0.22085299999999999</c:v>
                </c:pt>
                <c:pt idx="1707">
                  <c:v>0.22078800000000001</c:v>
                </c:pt>
                <c:pt idx="1708">
                  <c:v>0.220723</c:v>
                </c:pt>
                <c:pt idx="1709">
                  <c:v>0.22065899999999999</c:v>
                </c:pt>
                <c:pt idx="1710">
                  <c:v>0.22059400000000001</c:v>
                </c:pt>
                <c:pt idx="1711">
                  <c:v>0.22053</c:v>
                </c:pt>
                <c:pt idx="1712">
                  <c:v>0.22046499999999999</c:v>
                </c:pt>
                <c:pt idx="1713">
                  <c:v>0.22040100000000001</c:v>
                </c:pt>
                <c:pt idx="1714">
                  <c:v>0.220336</c:v>
                </c:pt>
                <c:pt idx="1715">
                  <c:v>0.220272</c:v>
                </c:pt>
                <c:pt idx="1716">
                  <c:v>0.22020700000000001</c:v>
                </c:pt>
                <c:pt idx="1717">
                  <c:v>0.22014300000000001</c:v>
                </c:pt>
                <c:pt idx="1718">
                  <c:v>0.220079</c:v>
                </c:pt>
                <c:pt idx="1719">
                  <c:v>0.22001499999999999</c:v>
                </c:pt>
                <c:pt idx="1720">
                  <c:v>0.21995100000000001</c:v>
                </c:pt>
                <c:pt idx="1721">
                  <c:v>0.219887</c:v>
                </c:pt>
                <c:pt idx="1722">
                  <c:v>0.21982299999999999</c:v>
                </c:pt>
                <c:pt idx="1723">
                  <c:v>0.21975900000000001</c:v>
                </c:pt>
                <c:pt idx="1724">
                  <c:v>0.219695</c:v>
                </c:pt>
                <c:pt idx="1725">
                  <c:v>0.21963099999999999</c:v>
                </c:pt>
                <c:pt idx="1726">
                  <c:v>0.21956700000000001</c:v>
                </c:pt>
                <c:pt idx="1727">
                  <c:v>0.219503</c:v>
                </c:pt>
                <c:pt idx="1728">
                  <c:v>0.21944</c:v>
                </c:pt>
                <c:pt idx="1729">
                  <c:v>0.21937599999999999</c:v>
                </c:pt>
                <c:pt idx="1730">
                  <c:v>0.21931200000000001</c:v>
                </c:pt>
                <c:pt idx="1731">
                  <c:v>0.219249</c:v>
                </c:pt>
                <c:pt idx="1732">
                  <c:v>0.21918499999999999</c:v>
                </c:pt>
                <c:pt idx="1733">
                  <c:v>0.21912200000000001</c:v>
                </c:pt>
                <c:pt idx="1734">
                  <c:v>0.219058</c:v>
                </c:pt>
                <c:pt idx="1735">
                  <c:v>0.218995</c:v>
                </c:pt>
                <c:pt idx="1736">
                  <c:v>0.21893199999999999</c:v>
                </c:pt>
                <c:pt idx="1737">
                  <c:v>0.21886800000000001</c:v>
                </c:pt>
                <c:pt idx="1738">
                  <c:v>0.218805</c:v>
                </c:pt>
                <c:pt idx="1739">
                  <c:v>0.21874199999999999</c:v>
                </c:pt>
                <c:pt idx="1740">
                  <c:v>0.21867900000000001</c:v>
                </c:pt>
                <c:pt idx="1741">
                  <c:v>0.218616</c:v>
                </c:pt>
                <c:pt idx="1742">
                  <c:v>0.218553</c:v>
                </c:pt>
                <c:pt idx="1743">
                  <c:v>0.21848999999999999</c:v>
                </c:pt>
                <c:pt idx="1744">
                  <c:v>0.21842700000000001</c:v>
                </c:pt>
                <c:pt idx="1745">
                  <c:v>0.218364</c:v>
                </c:pt>
                <c:pt idx="1746">
                  <c:v>0.218301</c:v>
                </c:pt>
                <c:pt idx="1747">
                  <c:v>0.21823799999999999</c:v>
                </c:pt>
                <c:pt idx="1748">
                  <c:v>0.21817600000000001</c:v>
                </c:pt>
                <c:pt idx="1749">
                  <c:v>0.218113</c:v>
                </c:pt>
                <c:pt idx="1750">
                  <c:v>0.21804999999999999</c:v>
                </c:pt>
                <c:pt idx="1751">
                  <c:v>0.21798799999999999</c:v>
                </c:pt>
                <c:pt idx="1752">
                  <c:v>0.21792500000000001</c:v>
                </c:pt>
                <c:pt idx="1753">
                  <c:v>0.217863</c:v>
                </c:pt>
                <c:pt idx="1754">
                  <c:v>0.21779999999999999</c:v>
                </c:pt>
                <c:pt idx="1755">
                  <c:v>0.21773799999999999</c:v>
                </c:pt>
                <c:pt idx="1756">
                  <c:v>0.21767600000000001</c:v>
                </c:pt>
                <c:pt idx="1757">
                  <c:v>0.217613</c:v>
                </c:pt>
                <c:pt idx="1758">
                  <c:v>0.21755099999999999</c:v>
                </c:pt>
                <c:pt idx="1759">
                  <c:v>0.21748899999999999</c:v>
                </c:pt>
                <c:pt idx="1760">
                  <c:v>0.21742700000000001</c:v>
                </c:pt>
                <c:pt idx="1761">
                  <c:v>0.217365</c:v>
                </c:pt>
                <c:pt idx="1762">
                  <c:v>0.217303</c:v>
                </c:pt>
                <c:pt idx="1763">
                  <c:v>0.21724099999999999</c:v>
                </c:pt>
                <c:pt idx="1764">
                  <c:v>0.21717900000000001</c:v>
                </c:pt>
                <c:pt idx="1765">
                  <c:v>0.217117</c:v>
                </c:pt>
                <c:pt idx="1766">
                  <c:v>0.217055</c:v>
                </c:pt>
                <c:pt idx="1767">
                  <c:v>0.21699299999999999</c:v>
                </c:pt>
                <c:pt idx="1768">
                  <c:v>0.21693200000000001</c:v>
                </c:pt>
                <c:pt idx="1769">
                  <c:v>0.21687000000000001</c:v>
                </c:pt>
                <c:pt idx="1770">
                  <c:v>0.216808</c:v>
                </c:pt>
                <c:pt idx="1771">
                  <c:v>0.216747</c:v>
                </c:pt>
                <c:pt idx="1772">
                  <c:v>0.21668499999999999</c:v>
                </c:pt>
                <c:pt idx="1773">
                  <c:v>0.21662400000000001</c:v>
                </c:pt>
                <c:pt idx="1774">
                  <c:v>0.216562</c:v>
                </c:pt>
                <c:pt idx="1775">
                  <c:v>0.216501</c:v>
                </c:pt>
                <c:pt idx="1776">
                  <c:v>0.21643999999999999</c:v>
                </c:pt>
                <c:pt idx="1777">
                  <c:v>0.21637799999999999</c:v>
                </c:pt>
                <c:pt idx="1778">
                  <c:v>0.21631700000000001</c:v>
                </c:pt>
                <c:pt idx="1779">
                  <c:v>0.216256</c:v>
                </c:pt>
                <c:pt idx="1780">
                  <c:v>0.216195</c:v>
                </c:pt>
                <c:pt idx="1781">
                  <c:v>0.21613399999999999</c:v>
                </c:pt>
                <c:pt idx="1782">
                  <c:v>0.21607299999999999</c:v>
                </c:pt>
                <c:pt idx="1783">
                  <c:v>0.21601200000000001</c:v>
                </c:pt>
                <c:pt idx="1784">
                  <c:v>0.215951</c:v>
                </c:pt>
                <c:pt idx="1785">
                  <c:v>0.21589</c:v>
                </c:pt>
                <c:pt idx="1786">
                  <c:v>0.21582899999999999</c:v>
                </c:pt>
                <c:pt idx="1787">
                  <c:v>0.21576799999999999</c:v>
                </c:pt>
                <c:pt idx="1788">
                  <c:v>0.21570800000000001</c:v>
                </c:pt>
                <c:pt idx="1789">
                  <c:v>0.21564700000000001</c:v>
                </c:pt>
                <c:pt idx="1790">
                  <c:v>0.215586</c:v>
                </c:pt>
                <c:pt idx="1791">
                  <c:v>0.215526</c:v>
                </c:pt>
                <c:pt idx="1792">
                  <c:v>0.21546499999999999</c:v>
                </c:pt>
                <c:pt idx="1793">
                  <c:v>0.21540500000000001</c:v>
                </c:pt>
                <c:pt idx="1794">
                  <c:v>0.21534400000000001</c:v>
                </c:pt>
                <c:pt idx="1795">
                  <c:v>0.215284</c:v>
                </c:pt>
                <c:pt idx="1796">
                  <c:v>0.215224</c:v>
                </c:pt>
                <c:pt idx="1797">
                  <c:v>0.21516299999999999</c:v>
                </c:pt>
                <c:pt idx="1798">
                  <c:v>0.21510299999999999</c:v>
                </c:pt>
                <c:pt idx="1799">
                  <c:v>0.21504300000000001</c:v>
                </c:pt>
                <c:pt idx="1800">
                  <c:v>0.21498300000000001</c:v>
                </c:pt>
                <c:pt idx="1801">
                  <c:v>0.214923</c:v>
                </c:pt>
                <c:pt idx="1802">
                  <c:v>0.214863</c:v>
                </c:pt>
                <c:pt idx="1803">
                  <c:v>0.21480299999999999</c:v>
                </c:pt>
                <c:pt idx="1804">
                  <c:v>0.21474299999999999</c:v>
                </c:pt>
                <c:pt idx="1805">
                  <c:v>0.21468300000000001</c:v>
                </c:pt>
                <c:pt idx="1806">
                  <c:v>0.21462300000000001</c:v>
                </c:pt>
                <c:pt idx="1807">
                  <c:v>0.214563</c:v>
                </c:pt>
                <c:pt idx="1808">
                  <c:v>0.214504</c:v>
                </c:pt>
                <c:pt idx="1809">
                  <c:v>0.214444</c:v>
                </c:pt>
                <c:pt idx="1810">
                  <c:v>0.21438399999999999</c:v>
                </c:pt>
                <c:pt idx="1811">
                  <c:v>0.21432499999999999</c:v>
                </c:pt>
                <c:pt idx="1812">
                  <c:v>0.21426500000000001</c:v>
                </c:pt>
                <c:pt idx="1813">
                  <c:v>0.21420600000000001</c:v>
                </c:pt>
                <c:pt idx="1814">
                  <c:v>0.214146</c:v>
                </c:pt>
                <c:pt idx="1815">
                  <c:v>0.214087</c:v>
                </c:pt>
                <c:pt idx="1816">
                  <c:v>0.214028</c:v>
                </c:pt>
                <c:pt idx="1817">
                  <c:v>0.21396799999999999</c:v>
                </c:pt>
                <c:pt idx="1818">
                  <c:v>0.21390899999999999</c:v>
                </c:pt>
                <c:pt idx="1819">
                  <c:v>0.21385000000000001</c:v>
                </c:pt>
                <c:pt idx="1820">
                  <c:v>0.21379100000000001</c:v>
                </c:pt>
                <c:pt idx="1821">
                  <c:v>0.21373200000000001</c:v>
                </c:pt>
                <c:pt idx="1822">
                  <c:v>0.213673</c:v>
                </c:pt>
                <c:pt idx="1823">
                  <c:v>0.213614</c:v>
                </c:pt>
                <c:pt idx="1824">
                  <c:v>0.21355499999999999</c:v>
                </c:pt>
                <c:pt idx="1825">
                  <c:v>0.21349599999999999</c:v>
                </c:pt>
                <c:pt idx="1826">
                  <c:v>0.21343699999999999</c:v>
                </c:pt>
                <c:pt idx="1827">
                  <c:v>0.21337800000000001</c:v>
                </c:pt>
                <c:pt idx="1828">
                  <c:v>0.21332000000000001</c:v>
                </c:pt>
                <c:pt idx="1829">
                  <c:v>0.21326100000000001</c:v>
                </c:pt>
                <c:pt idx="1830">
                  <c:v>0.213202</c:v>
                </c:pt>
                <c:pt idx="1831">
                  <c:v>0.213144</c:v>
                </c:pt>
                <c:pt idx="1832">
                  <c:v>0.213085</c:v>
                </c:pt>
                <c:pt idx="1833">
                  <c:v>0.21302699999999999</c:v>
                </c:pt>
                <c:pt idx="1834">
                  <c:v>0.21296799999999999</c:v>
                </c:pt>
                <c:pt idx="1835">
                  <c:v>0.21290999999999999</c:v>
                </c:pt>
                <c:pt idx="1836">
                  <c:v>0.21285100000000001</c:v>
                </c:pt>
                <c:pt idx="1837">
                  <c:v>0.21279300000000001</c:v>
                </c:pt>
                <c:pt idx="1838">
                  <c:v>0.21273500000000001</c:v>
                </c:pt>
                <c:pt idx="1839">
                  <c:v>0.212677</c:v>
                </c:pt>
                <c:pt idx="1840">
                  <c:v>0.212619</c:v>
                </c:pt>
                <c:pt idx="1841">
                  <c:v>0.212561</c:v>
                </c:pt>
                <c:pt idx="1842">
                  <c:v>0.212502</c:v>
                </c:pt>
                <c:pt idx="1843">
                  <c:v>0.21244399999999999</c:v>
                </c:pt>
                <c:pt idx="1844">
                  <c:v>0.21238699999999999</c:v>
                </c:pt>
                <c:pt idx="1845">
                  <c:v>0.21232899999999999</c:v>
                </c:pt>
                <c:pt idx="1846">
                  <c:v>0.21227099999999999</c:v>
                </c:pt>
                <c:pt idx="1847">
                  <c:v>0.21221300000000001</c:v>
                </c:pt>
                <c:pt idx="1848">
                  <c:v>0.21215500000000001</c:v>
                </c:pt>
                <c:pt idx="1849">
                  <c:v>0.21209800000000001</c:v>
                </c:pt>
                <c:pt idx="1850">
                  <c:v>0.21204000000000001</c:v>
                </c:pt>
                <c:pt idx="1851">
                  <c:v>0.211982</c:v>
                </c:pt>
                <c:pt idx="1852">
                  <c:v>0.211925</c:v>
                </c:pt>
                <c:pt idx="1853">
                  <c:v>0.211867</c:v>
                </c:pt>
                <c:pt idx="1854">
                  <c:v>0.21181</c:v>
                </c:pt>
                <c:pt idx="1855">
                  <c:v>0.211752</c:v>
                </c:pt>
                <c:pt idx="1856">
                  <c:v>0.21169499999999999</c:v>
                </c:pt>
                <c:pt idx="1857">
                  <c:v>0.21163799999999999</c:v>
                </c:pt>
                <c:pt idx="1858">
                  <c:v>0.21157999999999999</c:v>
                </c:pt>
                <c:pt idx="1859">
                  <c:v>0.21152299999999999</c:v>
                </c:pt>
                <c:pt idx="1860">
                  <c:v>0.21146599999999999</c:v>
                </c:pt>
                <c:pt idx="1861">
                  <c:v>0.21140900000000001</c:v>
                </c:pt>
                <c:pt idx="1862">
                  <c:v>0.21135200000000001</c:v>
                </c:pt>
                <c:pt idx="1863">
                  <c:v>0.21129500000000001</c:v>
                </c:pt>
                <c:pt idx="1864">
                  <c:v>0.21123800000000001</c:v>
                </c:pt>
                <c:pt idx="1865">
                  <c:v>0.21118100000000001</c:v>
                </c:pt>
                <c:pt idx="1866">
                  <c:v>0.21112400000000001</c:v>
                </c:pt>
                <c:pt idx="1867">
                  <c:v>0.211067</c:v>
                </c:pt>
                <c:pt idx="1868">
                  <c:v>0.211011</c:v>
                </c:pt>
                <c:pt idx="1869">
                  <c:v>0.210954</c:v>
                </c:pt>
                <c:pt idx="1870">
                  <c:v>0.210897</c:v>
                </c:pt>
                <c:pt idx="1871">
                  <c:v>0.21084</c:v>
                </c:pt>
                <c:pt idx="1872">
                  <c:v>0.210784</c:v>
                </c:pt>
                <c:pt idx="1873">
                  <c:v>0.210727</c:v>
                </c:pt>
                <c:pt idx="1874">
                  <c:v>0.210671</c:v>
                </c:pt>
                <c:pt idx="1875">
                  <c:v>0.210614</c:v>
                </c:pt>
                <c:pt idx="1876">
                  <c:v>0.210558</c:v>
                </c:pt>
                <c:pt idx="1877">
                  <c:v>0.21050199999999999</c:v>
                </c:pt>
                <c:pt idx="1878">
                  <c:v>0.21044499999999999</c:v>
                </c:pt>
                <c:pt idx="1879">
                  <c:v>0.21038899999999999</c:v>
                </c:pt>
                <c:pt idx="1880">
                  <c:v>0.21033299999999999</c:v>
                </c:pt>
                <c:pt idx="1881">
                  <c:v>0.21027699999999999</c:v>
                </c:pt>
                <c:pt idx="1882">
                  <c:v>0.21022099999999999</c:v>
                </c:pt>
                <c:pt idx="1883">
                  <c:v>0.21016499999999999</c:v>
                </c:pt>
                <c:pt idx="1884">
                  <c:v>0.21010899999999999</c:v>
                </c:pt>
                <c:pt idx="1885">
                  <c:v>0.21005299999999999</c:v>
                </c:pt>
                <c:pt idx="1886">
                  <c:v>0.20999699999999999</c:v>
                </c:pt>
                <c:pt idx="1887">
                  <c:v>0.20994099999999999</c:v>
                </c:pt>
                <c:pt idx="1888">
                  <c:v>0.20988499999999999</c:v>
                </c:pt>
                <c:pt idx="1889">
                  <c:v>0.20982899999999999</c:v>
                </c:pt>
                <c:pt idx="1890">
                  <c:v>0.20977399999999999</c:v>
                </c:pt>
                <c:pt idx="1891">
                  <c:v>0.20971799999999999</c:v>
                </c:pt>
                <c:pt idx="1892">
                  <c:v>0.20966199999999999</c:v>
                </c:pt>
                <c:pt idx="1893">
                  <c:v>0.20960699999999999</c:v>
                </c:pt>
                <c:pt idx="1894">
                  <c:v>0.20955099999999999</c:v>
                </c:pt>
                <c:pt idx="1895">
                  <c:v>0.20949599999999999</c:v>
                </c:pt>
                <c:pt idx="1896">
                  <c:v>0.20943999999999999</c:v>
                </c:pt>
                <c:pt idx="1897">
                  <c:v>0.20938499999999999</c:v>
                </c:pt>
                <c:pt idx="1898">
                  <c:v>0.20932899999999999</c:v>
                </c:pt>
                <c:pt idx="1899">
                  <c:v>0.20927399999999999</c:v>
                </c:pt>
                <c:pt idx="1900">
                  <c:v>0.20921899999999999</c:v>
                </c:pt>
                <c:pt idx="1901">
                  <c:v>0.20916399999999999</c:v>
                </c:pt>
                <c:pt idx="1902">
                  <c:v>0.20910899999999999</c:v>
                </c:pt>
                <c:pt idx="1903">
                  <c:v>0.20905299999999999</c:v>
                </c:pt>
                <c:pt idx="1904">
                  <c:v>0.20899799999999999</c:v>
                </c:pt>
                <c:pt idx="1905">
                  <c:v>0.20894299999999999</c:v>
                </c:pt>
                <c:pt idx="1906">
                  <c:v>0.20888799999999999</c:v>
                </c:pt>
                <c:pt idx="1907">
                  <c:v>0.20883299999999999</c:v>
                </c:pt>
                <c:pt idx="1908">
                  <c:v>0.20877899999999999</c:v>
                </c:pt>
                <c:pt idx="1909">
                  <c:v>0.20872399999999999</c:v>
                </c:pt>
                <c:pt idx="1910">
                  <c:v>0.20866899999999999</c:v>
                </c:pt>
                <c:pt idx="1911">
                  <c:v>0.20861399999999999</c:v>
                </c:pt>
                <c:pt idx="1912">
                  <c:v>0.20856</c:v>
                </c:pt>
                <c:pt idx="1913">
                  <c:v>0.208505</c:v>
                </c:pt>
                <c:pt idx="1914">
                  <c:v>0.20845</c:v>
                </c:pt>
                <c:pt idx="1915">
                  <c:v>0.208396</c:v>
                </c:pt>
                <c:pt idx="1916">
                  <c:v>0.208341</c:v>
                </c:pt>
                <c:pt idx="1917">
                  <c:v>0.208287</c:v>
                </c:pt>
                <c:pt idx="1918">
                  <c:v>0.208232</c:v>
                </c:pt>
                <c:pt idx="1919">
                  <c:v>0.208178</c:v>
                </c:pt>
                <c:pt idx="1920">
                  <c:v>0.208124</c:v>
                </c:pt>
                <c:pt idx="1921">
                  <c:v>0.208069</c:v>
                </c:pt>
                <c:pt idx="1922">
                  <c:v>0.20801500000000001</c:v>
                </c:pt>
                <c:pt idx="1923">
                  <c:v>0.20796100000000001</c:v>
                </c:pt>
                <c:pt idx="1924">
                  <c:v>0.20790700000000001</c:v>
                </c:pt>
                <c:pt idx="1925">
                  <c:v>0.20785300000000001</c:v>
                </c:pt>
                <c:pt idx="1926">
                  <c:v>0.20779900000000001</c:v>
                </c:pt>
                <c:pt idx="1927">
                  <c:v>0.20774500000000001</c:v>
                </c:pt>
                <c:pt idx="1928">
                  <c:v>0.20769099999999999</c:v>
                </c:pt>
                <c:pt idx="1929">
                  <c:v>0.20763699999999999</c:v>
                </c:pt>
                <c:pt idx="1930">
                  <c:v>0.20758299999999999</c:v>
                </c:pt>
                <c:pt idx="1931">
                  <c:v>0.20752899999999999</c:v>
                </c:pt>
                <c:pt idx="1932">
                  <c:v>0.20747599999999999</c:v>
                </c:pt>
                <c:pt idx="1933">
                  <c:v>0.207422</c:v>
                </c:pt>
                <c:pt idx="1934">
                  <c:v>0.207368</c:v>
                </c:pt>
                <c:pt idx="1935">
                  <c:v>0.207315</c:v>
                </c:pt>
                <c:pt idx="1936">
                  <c:v>0.207261</c:v>
                </c:pt>
                <c:pt idx="1937">
                  <c:v>0.207207</c:v>
                </c:pt>
                <c:pt idx="1938">
                  <c:v>0.207154</c:v>
                </c:pt>
                <c:pt idx="1939">
                  <c:v>0.20710000000000001</c:v>
                </c:pt>
                <c:pt idx="1940">
                  <c:v>0.20704700000000001</c:v>
                </c:pt>
                <c:pt idx="1941">
                  <c:v>0.20699400000000001</c:v>
                </c:pt>
                <c:pt idx="1942">
                  <c:v>0.20694000000000001</c:v>
                </c:pt>
                <c:pt idx="1943">
                  <c:v>0.20688699999999999</c:v>
                </c:pt>
                <c:pt idx="1944">
                  <c:v>0.20683399999999999</c:v>
                </c:pt>
                <c:pt idx="1945">
                  <c:v>0.20678099999999999</c:v>
                </c:pt>
                <c:pt idx="1946">
                  <c:v>0.206728</c:v>
                </c:pt>
                <c:pt idx="1947">
                  <c:v>0.206675</c:v>
                </c:pt>
                <c:pt idx="1948">
                  <c:v>0.206622</c:v>
                </c:pt>
                <c:pt idx="1949">
                  <c:v>0.206569</c:v>
                </c:pt>
                <c:pt idx="1950">
                  <c:v>0.20651600000000001</c:v>
                </c:pt>
                <c:pt idx="1951">
                  <c:v>0.20646300000000001</c:v>
                </c:pt>
                <c:pt idx="1952">
                  <c:v>0.20641000000000001</c:v>
                </c:pt>
                <c:pt idx="1953">
                  <c:v>0.20635700000000001</c:v>
                </c:pt>
                <c:pt idx="1954">
                  <c:v>0.20630399999999999</c:v>
                </c:pt>
                <c:pt idx="1955">
                  <c:v>0.20625199999999999</c:v>
                </c:pt>
                <c:pt idx="1956">
                  <c:v>0.20619899999999999</c:v>
                </c:pt>
                <c:pt idx="1957">
                  <c:v>0.206146</c:v>
                </c:pt>
                <c:pt idx="1958">
                  <c:v>0.206094</c:v>
                </c:pt>
                <c:pt idx="1959">
                  <c:v>0.206041</c:v>
                </c:pt>
                <c:pt idx="1960">
                  <c:v>0.20598900000000001</c:v>
                </c:pt>
                <c:pt idx="1961">
                  <c:v>0.20593600000000001</c:v>
                </c:pt>
                <c:pt idx="1962">
                  <c:v>0.20588400000000001</c:v>
                </c:pt>
                <c:pt idx="1963">
                  <c:v>0.20583099999999999</c:v>
                </c:pt>
                <c:pt idx="1964">
                  <c:v>0.20577899999999999</c:v>
                </c:pt>
                <c:pt idx="1965">
                  <c:v>0.20572699999999999</c:v>
                </c:pt>
                <c:pt idx="1966">
                  <c:v>0.205675</c:v>
                </c:pt>
                <c:pt idx="1967">
                  <c:v>0.205622</c:v>
                </c:pt>
                <c:pt idx="1968">
                  <c:v>0.20557</c:v>
                </c:pt>
                <c:pt idx="1969">
                  <c:v>0.20551800000000001</c:v>
                </c:pt>
                <c:pt idx="1970">
                  <c:v>0.20546600000000001</c:v>
                </c:pt>
                <c:pt idx="1971">
                  <c:v>0.20541400000000001</c:v>
                </c:pt>
                <c:pt idx="1972">
                  <c:v>0.20536199999999999</c:v>
                </c:pt>
                <c:pt idx="1973">
                  <c:v>0.20530999999999999</c:v>
                </c:pt>
                <c:pt idx="1974">
                  <c:v>0.205258</c:v>
                </c:pt>
                <c:pt idx="1975">
                  <c:v>0.205206</c:v>
                </c:pt>
                <c:pt idx="1976">
                  <c:v>0.205155</c:v>
                </c:pt>
                <c:pt idx="1977">
                  <c:v>0.20510300000000001</c:v>
                </c:pt>
                <c:pt idx="1978">
                  <c:v>0.20505100000000001</c:v>
                </c:pt>
                <c:pt idx="1979">
                  <c:v>0.20499999999999999</c:v>
                </c:pt>
                <c:pt idx="1980">
                  <c:v>0.20494799999999999</c:v>
                </c:pt>
                <c:pt idx="1981">
                  <c:v>0.20489599999999999</c:v>
                </c:pt>
                <c:pt idx="1982">
                  <c:v>0.204845</c:v>
                </c:pt>
                <c:pt idx="1983">
                  <c:v>0.204793</c:v>
                </c:pt>
                <c:pt idx="1984">
                  <c:v>0.20474200000000001</c:v>
                </c:pt>
                <c:pt idx="1985">
                  <c:v>0.20469000000000001</c:v>
                </c:pt>
                <c:pt idx="1986">
                  <c:v>0.20463899999999999</c:v>
                </c:pt>
                <c:pt idx="1987">
                  <c:v>0.20458799999999999</c:v>
                </c:pt>
                <c:pt idx="1988">
                  <c:v>0.204537</c:v>
                </c:pt>
                <c:pt idx="1989">
                  <c:v>0.204485</c:v>
                </c:pt>
                <c:pt idx="1990">
                  <c:v>0.204434</c:v>
                </c:pt>
                <c:pt idx="1991">
                  <c:v>0.20438300000000001</c:v>
                </c:pt>
                <c:pt idx="1992">
                  <c:v>0.20433200000000001</c:v>
                </c:pt>
                <c:pt idx="1993">
                  <c:v>0.20428099999999999</c:v>
                </c:pt>
                <c:pt idx="1994">
                  <c:v>0.20422999999999999</c:v>
                </c:pt>
                <c:pt idx="1995">
                  <c:v>0.204179</c:v>
                </c:pt>
                <c:pt idx="1996">
                  <c:v>0.204128</c:v>
                </c:pt>
                <c:pt idx="1997">
                  <c:v>0.20407700000000001</c:v>
                </c:pt>
                <c:pt idx="1998">
                  <c:v>0.20402600000000001</c:v>
                </c:pt>
                <c:pt idx="1999">
                  <c:v>0.20397499999999999</c:v>
                </c:pt>
                <c:pt idx="2000">
                  <c:v>0.203925</c:v>
                </c:pt>
                <c:pt idx="2001">
                  <c:v>0.203874</c:v>
                </c:pt>
                <c:pt idx="2002">
                  <c:v>0.203823</c:v>
                </c:pt>
                <c:pt idx="2003">
                  <c:v>0.20377300000000001</c:v>
                </c:pt>
                <c:pt idx="2004">
                  <c:v>0.20372199999999999</c:v>
                </c:pt>
                <c:pt idx="2005">
                  <c:v>0.20367199999999999</c:v>
                </c:pt>
                <c:pt idx="2006">
                  <c:v>0.203621</c:v>
                </c:pt>
                <c:pt idx="2007">
                  <c:v>0.203571</c:v>
                </c:pt>
                <c:pt idx="2008">
                  <c:v>0.20352000000000001</c:v>
                </c:pt>
                <c:pt idx="2009">
                  <c:v>0.20347000000000001</c:v>
                </c:pt>
                <c:pt idx="2010">
                  <c:v>0.20341999999999999</c:v>
                </c:pt>
                <c:pt idx="2011">
                  <c:v>0.20336899999999999</c:v>
                </c:pt>
                <c:pt idx="2012">
                  <c:v>0.203319</c:v>
                </c:pt>
                <c:pt idx="2013">
                  <c:v>0.20326900000000001</c:v>
                </c:pt>
                <c:pt idx="2014">
                  <c:v>0.20321900000000001</c:v>
                </c:pt>
                <c:pt idx="2015">
                  <c:v>0.20316899999999999</c:v>
                </c:pt>
                <c:pt idx="2016">
                  <c:v>0.20311799999999999</c:v>
                </c:pt>
                <c:pt idx="2017">
                  <c:v>0.203068</c:v>
                </c:pt>
                <c:pt idx="2018">
                  <c:v>0.203018</c:v>
                </c:pt>
                <c:pt idx="2019">
                  <c:v>0.20296900000000001</c:v>
                </c:pt>
                <c:pt idx="2020">
                  <c:v>0.20291899999999999</c:v>
                </c:pt>
                <c:pt idx="2021">
                  <c:v>0.20286899999999999</c:v>
                </c:pt>
                <c:pt idx="2022">
                  <c:v>0.202819</c:v>
                </c:pt>
                <c:pt idx="2023">
                  <c:v>0.202769</c:v>
                </c:pt>
                <c:pt idx="2024">
                  <c:v>0.20271900000000001</c:v>
                </c:pt>
                <c:pt idx="2025">
                  <c:v>0.20266999999999999</c:v>
                </c:pt>
                <c:pt idx="2026">
                  <c:v>0.20261999999999999</c:v>
                </c:pt>
                <c:pt idx="2027">
                  <c:v>0.20257</c:v>
                </c:pt>
                <c:pt idx="2028">
                  <c:v>0.20252100000000001</c:v>
                </c:pt>
                <c:pt idx="2029">
                  <c:v>0.20247100000000001</c:v>
                </c:pt>
                <c:pt idx="2030">
                  <c:v>0.20242199999999999</c:v>
                </c:pt>
                <c:pt idx="2031">
                  <c:v>0.202372</c:v>
                </c:pt>
                <c:pt idx="2032">
                  <c:v>0.202323</c:v>
                </c:pt>
                <c:pt idx="2033">
                  <c:v>0.20227400000000001</c:v>
                </c:pt>
                <c:pt idx="2034">
                  <c:v>0.20222399999999999</c:v>
                </c:pt>
                <c:pt idx="2035">
                  <c:v>0.20217499999999999</c:v>
                </c:pt>
                <c:pt idx="2036">
                  <c:v>0.202126</c:v>
                </c:pt>
                <c:pt idx="2037">
                  <c:v>0.20207700000000001</c:v>
                </c:pt>
                <c:pt idx="2038">
                  <c:v>0.20202700000000001</c:v>
                </c:pt>
                <c:pt idx="2039">
                  <c:v>0.20197799999999999</c:v>
                </c:pt>
                <c:pt idx="2040">
                  <c:v>0.201929</c:v>
                </c:pt>
                <c:pt idx="2041">
                  <c:v>0.20188</c:v>
                </c:pt>
                <c:pt idx="2042">
                  <c:v>0.20183100000000001</c:v>
                </c:pt>
                <c:pt idx="2043">
                  <c:v>0.20178199999999999</c:v>
                </c:pt>
                <c:pt idx="2044">
                  <c:v>0.201733</c:v>
                </c:pt>
                <c:pt idx="2045">
                  <c:v>0.201684</c:v>
                </c:pt>
                <c:pt idx="2046">
                  <c:v>0.20163600000000001</c:v>
                </c:pt>
                <c:pt idx="2047">
                  <c:v>0.20158699999999999</c:v>
                </c:pt>
                <c:pt idx="2048">
                  <c:v>0.20153799999999999</c:v>
                </c:pt>
                <c:pt idx="2049">
                  <c:v>0.201489</c:v>
                </c:pt>
                <c:pt idx="2050">
                  <c:v>0.20144100000000001</c:v>
                </c:pt>
                <c:pt idx="2051">
                  <c:v>0.20139199999999999</c:v>
                </c:pt>
                <c:pt idx="2052">
                  <c:v>0.20134299999999999</c:v>
                </c:pt>
                <c:pt idx="2053">
                  <c:v>0.201295</c:v>
                </c:pt>
                <c:pt idx="2054">
                  <c:v>0.20124600000000001</c:v>
                </c:pt>
                <c:pt idx="2055">
                  <c:v>0.20119799999999999</c:v>
                </c:pt>
                <c:pt idx="2056">
                  <c:v>0.20115</c:v>
                </c:pt>
                <c:pt idx="2057">
                  <c:v>0.201101</c:v>
                </c:pt>
                <c:pt idx="2058">
                  <c:v>0.20105300000000001</c:v>
                </c:pt>
                <c:pt idx="2059">
                  <c:v>0.20100399999999999</c:v>
                </c:pt>
                <c:pt idx="2060">
                  <c:v>0.200956</c:v>
                </c:pt>
                <c:pt idx="2061">
                  <c:v>0.200908</c:v>
                </c:pt>
                <c:pt idx="2062">
                  <c:v>0.20086000000000001</c:v>
                </c:pt>
                <c:pt idx="2063">
                  <c:v>0.20081199999999999</c:v>
                </c:pt>
                <c:pt idx="2064">
                  <c:v>0.200764</c:v>
                </c:pt>
                <c:pt idx="2065">
                  <c:v>0.200715</c:v>
                </c:pt>
                <c:pt idx="2066">
                  <c:v>0.20066700000000001</c:v>
                </c:pt>
                <c:pt idx="2067">
                  <c:v>0.20061899999999999</c:v>
                </c:pt>
                <c:pt idx="2068">
                  <c:v>0.200571</c:v>
                </c:pt>
                <c:pt idx="2069">
                  <c:v>0.20052400000000001</c:v>
                </c:pt>
                <c:pt idx="2070">
                  <c:v>0.20047599999999999</c:v>
                </c:pt>
                <c:pt idx="2071">
                  <c:v>0.200428</c:v>
                </c:pt>
                <c:pt idx="2072">
                  <c:v>0.20038</c:v>
                </c:pt>
                <c:pt idx="2073">
                  <c:v>0.20033200000000001</c:v>
                </c:pt>
                <c:pt idx="2074">
                  <c:v>0.20028499999999999</c:v>
                </c:pt>
                <c:pt idx="2075">
                  <c:v>0.200237</c:v>
                </c:pt>
                <c:pt idx="2076">
                  <c:v>0.20018900000000001</c:v>
                </c:pt>
                <c:pt idx="2077">
                  <c:v>0.20014199999999999</c:v>
                </c:pt>
                <c:pt idx="2078">
                  <c:v>0.20009399999999999</c:v>
                </c:pt>
                <c:pt idx="2079">
                  <c:v>0.200047</c:v>
                </c:pt>
                <c:pt idx="2080">
                  <c:v>0.19999900000000001</c:v>
                </c:pt>
                <c:pt idx="2081">
                  <c:v>0.19995199999999999</c:v>
                </c:pt>
                <c:pt idx="2082">
                  <c:v>0.199904</c:v>
                </c:pt>
                <c:pt idx="2083">
                  <c:v>0.19985700000000001</c:v>
                </c:pt>
                <c:pt idx="2084">
                  <c:v>0.19980999999999999</c:v>
                </c:pt>
                <c:pt idx="2085">
                  <c:v>0.199762</c:v>
                </c:pt>
                <c:pt idx="2086">
                  <c:v>0.199715</c:v>
                </c:pt>
                <c:pt idx="2087">
                  <c:v>0.19966800000000001</c:v>
                </c:pt>
                <c:pt idx="2088">
                  <c:v>0.19962099999999999</c:v>
                </c:pt>
                <c:pt idx="2089">
                  <c:v>0.199574</c:v>
                </c:pt>
                <c:pt idx="2090">
                  <c:v>0.19952600000000001</c:v>
                </c:pt>
                <c:pt idx="2091">
                  <c:v>0.19947899999999999</c:v>
                </c:pt>
                <c:pt idx="2092">
                  <c:v>0.199432</c:v>
                </c:pt>
                <c:pt idx="2093">
                  <c:v>0.19938500000000001</c:v>
                </c:pt>
                <c:pt idx="2094">
                  <c:v>0.19933799999999999</c:v>
                </c:pt>
                <c:pt idx="2095">
                  <c:v>0.199292</c:v>
                </c:pt>
                <c:pt idx="2096">
                  <c:v>0.19924500000000001</c:v>
                </c:pt>
                <c:pt idx="2097">
                  <c:v>0.19919799999999999</c:v>
                </c:pt>
                <c:pt idx="2098">
                  <c:v>0.19915099999999999</c:v>
                </c:pt>
                <c:pt idx="2099">
                  <c:v>0.199104</c:v>
                </c:pt>
                <c:pt idx="2100">
                  <c:v>0.19905800000000001</c:v>
                </c:pt>
                <c:pt idx="2101">
                  <c:v>0.19901099999999999</c:v>
                </c:pt>
                <c:pt idx="2102">
                  <c:v>0.198964</c:v>
                </c:pt>
                <c:pt idx="2103">
                  <c:v>0.19891800000000001</c:v>
                </c:pt>
                <c:pt idx="2104">
                  <c:v>0.19887099999999999</c:v>
                </c:pt>
                <c:pt idx="2105">
                  <c:v>0.198825</c:v>
                </c:pt>
                <c:pt idx="2106">
                  <c:v>0.19877800000000001</c:v>
                </c:pt>
                <c:pt idx="2107">
                  <c:v>0.19873199999999999</c:v>
                </c:pt>
                <c:pt idx="2108">
                  <c:v>0.198685</c:v>
                </c:pt>
                <c:pt idx="2109">
                  <c:v>0.19863900000000001</c:v>
                </c:pt>
                <c:pt idx="2110">
                  <c:v>0.19859299999999999</c:v>
                </c:pt>
                <c:pt idx="2111">
                  <c:v>0.198546</c:v>
                </c:pt>
                <c:pt idx="2112">
                  <c:v>0.19850000000000001</c:v>
                </c:pt>
                <c:pt idx="2113">
                  <c:v>0.19845399999999999</c:v>
                </c:pt>
                <c:pt idx="2114">
                  <c:v>0.198408</c:v>
                </c:pt>
                <c:pt idx="2115">
                  <c:v>0.19836200000000001</c:v>
                </c:pt>
                <c:pt idx="2116">
                  <c:v>0.19831499999999999</c:v>
                </c:pt>
                <c:pt idx="2117">
                  <c:v>0.198269</c:v>
                </c:pt>
                <c:pt idx="2118">
                  <c:v>0.19822300000000001</c:v>
                </c:pt>
                <c:pt idx="2119">
                  <c:v>0.19817699999999999</c:v>
                </c:pt>
                <c:pt idx="2120">
                  <c:v>0.198131</c:v>
                </c:pt>
                <c:pt idx="2121">
                  <c:v>0.19808500000000001</c:v>
                </c:pt>
                <c:pt idx="2122">
                  <c:v>0.19803999999999999</c:v>
                </c:pt>
                <c:pt idx="2123">
                  <c:v>0.197994</c:v>
                </c:pt>
                <c:pt idx="2124">
                  <c:v>0.19794800000000001</c:v>
                </c:pt>
                <c:pt idx="2125">
                  <c:v>0.19790199999999999</c:v>
                </c:pt>
                <c:pt idx="2126">
                  <c:v>0.197856</c:v>
                </c:pt>
                <c:pt idx="2127">
                  <c:v>0.19781099999999999</c:v>
                </c:pt>
                <c:pt idx="2128">
                  <c:v>0.197765</c:v>
                </c:pt>
                <c:pt idx="2129">
                  <c:v>0.19771900000000001</c:v>
                </c:pt>
                <c:pt idx="2130">
                  <c:v>0.19767399999999999</c:v>
                </c:pt>
                <c:pt idx="2131">
                  <c:v>0.197628</c:v>
                </c:pt>
                <c:pt idx="2132">
                  <c:v>0.19758300000000001</c:v>
                </c:pt>
                <c:pt idx="2133">
                  <c:v>0.19753699999999999</c:v>
                </c:pt>
                <c:pt idx="2134">
                  <c:v>0.197492</c:v>
                </c:pt>
                <c:pt idx="2135">
                  <c:v>0.19744600000000001</c:v>
                </c:pt>
                <c:pt idx="2136">
                  <c:v>0.19740099999999999</c:v>
                </c:pt>
                <c:pt idx="2137">
                  <c:v>0.197356</c:v>
                </c:pt>
                <c:pt idx="2138">
                  <c:v>0.19731000000000001</c:v>
                </c:pt>
                <c:pt idx="2139">
                  <c:v>0.197265</c:v>
                </c:pt>
                <c:pt idx="2140">
                  <c:v>0.19722000000000001</c:v>
                </c:pt>
                <c:pt idx="2141">
                  <c:v>0.19717499999999999</c:v>
                </c:pt>
                <c:pt idx="2142">
                  <c:v>0.197129</c:v>
                </c:pt>
                <c:pt idx="2143">
                  <c:v>0.19708400000000001</c:v>
                </c:pt>
                <c:pt idx="2144">
                  <c:v>0.19703899999999999</c:v>
                </c:pt>
                <c:pt idx="2145">
                  <c:v>0.196994</c:v>
                </c:pt>
                <c:pt idx="2146">
                  <c:v>0.19694900000000001</c:v>
                </c:pt>
                <c:pt idx="2147">
                  <c:v>0.196904</c:v>
                </c:pt>
                <c:pt idx="2148">
                  <c:v>0.19685900000000001</c:v>
                </c:pt>
                <c:pt idx="2149">
                  <c:v>0.19681399999999999</c:v>
                </c:pt>
                <c:pt idx="2150">
                  <c:v>0.196769</c:v>
                </c:pt>
                <c:pt idx="2151">
                  <c:v>0.19672500000000001</c:v>
                </c:pt>
                <c:pt idx="2152">
                  <c:v>0.19667999999999999</c:v>
                </c:pt>
                <c:pt idx="2153">
                  <c:v>0.196635</c:v>
                </c:pt>
                <c:pt idx="2154">
                  <c:v>0.19658999999999999</c:v>
                </c:pt>
                <c:pt idx="2155">
                  <c:v>0.196546</c:v>
                </c:pt>
                <c:pt idx="2156">
                  <c:v>0.19650100000000001</c:v>
                </c:pt>
                <c:pt idx="2157">
                  <c:v>0.19645599999999999</c:v>
                </c:pt>
                <c:pt idx="2158">
                  <c:v>0.196412</c:v>
                </c:pt>
                <c:pt idx="2159">
                  <c:v>0.19636700000000001</c:v>
                </c:pt>
                <c:pt idx="2160">
                  <c:v>0.196323</c:v>
                </c:pt>
                <c:pt idx="2161">
                  <c:v>0.19627800000000001</c:v>
                </c:pt>
                <c:pt idx="2162">
                  <c:v>0.19623399999999999</c:v>
                </c:pt>
                <c:pt idx="2163">
                  <c:v>0.196189</c:v>
                </c:pt>
                <c:pt idx="2164">
                  <c:v>0.19614500000000001</c:v>
                </c:pt>
                <c:pt idx="2165">
                  <c:v>0.196101</c:v>
                </c:pt>
                <c:pt idx="2166">
                  <c:v>0.19605600000000001</c:v>
                </c:pt>
                <c:pt idx="2167">
                  <c:v>0.19601199999999999</c:v>
                </c:pt>
                <c:pt idx="2168">
                  <c:v>0.195968</c:v>
                </c:pt>
                <c:pt idx="2169">
                  <c:v>0.19592399999999999</c:v>
                </c:pt>
                <c:pt idx="2170">
                  <c:v>0.195879</c:v>
                </c:pt>
                <c:pt idx="2171">
                  <c:v>0.19583500000000001</c:v>
                </c:pt>
                <c:pt idx="2172">
                  <c:v>0.19579099999999999</c:v>
                </c:pt>
                <c:pt idx="2173">
                  <c:v>0.195747</c:v>
                </c:pt>
                <c:pt idx="2174">
                  <c:v>0.19570299999999999</c:v>
                </c:pt>
                <c:pt idx="2175">
                  <c:v>0.195659</c:v>
                </c:pt>
                <c:pt idx="2176">
                  <c:v>0.19561500000000001</c:v>
                </c:pt>
                <c:pt idx="2177">
                  <c:v>0.19557099999999999</c:v>
                </c:pt>
                <c:pt idx="2178">
                  <c:v>0.19552700000000001</c:v>
                </c:pt>
                <c:pt idx="2179">
                  <c:v>0.19548299999999999</c:v>
                </c:pt>
                <c:pt idx="2180">
                  <c:v>0.19544</c:v>
                </c:pt>
                <c:pt idx="2181">
                  <c:v>0.19539599999999999</c:v>
                </c:pt>
                <c:pt idx="2182">
                  <c:v>0.195352</c:v>
                </c:pt>
                <c:pt idx="2183">
                  <c:v>0.19530800000000001</c:v>
                </c:pt>
                <c:pt idx="2184">
                  <c:v>0.19526499999999999</c:v>
                </c:pt>
                <c:pt idx="2185">
                  <c:v>0.19522100000000001</c:v>
                </c:pt>
                <c:pt idx="2186">
                  <c:v>0.19517699999999999</c:v>
                </c:pt>
                <c:pt idx="2187">
                  <c:v>0.195134</c:v>
                </c:pt>
                <c:pt idx="2188">
                  <c:v>0.19509000000000001</c:v>
                </c:pt>
                <c:pt idx="2189">
                  <c:v>0.195047</c:v>
                </c:pt>
                <c:pt idx="2190">
                  <c:v>0.19500300000000001</c:v>
                </c:pt>
                <c:pt idx="2191">
                  <c:v>0.19495999999999999</c:v>
                </c:pt>
                <c:pt idx="2192">
                  <c:v>0.19491600000000001</c:v>
                </c:pt>
                <c:pt idx="2193">
                  <c:v>0.19487299999999999</c:v>
                </c:pt>
                <c:pt idx="2194">
                  <c:v>0.194829</c:v>
                </c:pt>
                <c:pt idx="2195">
                  <c:v>0.19478599999999999</c:v>
                </c:pt>
                <c:pt idx="2196">
                  <c:v>0.194743</c:v>
                </c:pt>
                <c:pt idx="2197">
                  <c:v>0.19470000000000001</c:v>
                </c:pt>
                <c:pt idx="2198">
                  <c:v>0.194656</c:v>
                </c:pt>
                <c:pt idx="2199">
                  <c:v>0.19461300000000001</c:v>
                </c:pt>
                <c:pt idx="2200">
                  <c:v>0.19456999999999999</c:v>
                </c:pt>
                <c:pt idx="2201">
                  <c:v>0.19452700000000001</c:v>
                </c:pt>
                <c:pt idx="2202">
                  <c:v>0.19448399999999999</c:v>
                </c:pt>
                <c:pt idx="2203">
                  <c:v>0.194441</c:v>
                </c:pt>
                <c:pt idx="2204">
                  <c:v>0.19439799999999999</c:v>
                </c:pt>
                <c:pt idx="2205">
                  <c:v>0.194355</c:v>
                </c:pt>
                <c:pt idx="2206">
                  <c:v>0.19431200000000001</c:v>
                </c:pt>
                <c:pt idx="2207">
                  <c:v>0.194269</c:v>
                </c:pt>
                <c:pt idx="2208">
                  <c:v>0.19422600000000001</c:v>
                </c:pt>
                <c:pt idx="2209">
                  <c:v>0.19418299999999999</c:v>
                </c:pt>
                <c:pt idx="2210">
                  <c:v>0.19414000000000001</c:v>
                </c:pt>
                <c:pt idx="2211">
                  <c:v>0.19409699999999999</c:v>
                </c:pt>
                <c:pt idx="2212">
                  <c:v>0.19405500000000001</c:v>
                </c:pt>
                <c:pt idx="2213">
                  <c:v>0.19401199999999999</c:v>
                </c:pt>
                <c:pt idx="2214">
                  <c:v>0.193969</c:v>
                </c:pt>
                <c:pt idx="2215">
                  <c:v>0.19392599999999999</c:v>
                </c:pt>
                <c:pt idx="2216">
                  <c:v>0.193884</c:v>
                </c:pt>
                <c:pt idx="2217">
                  <c:v>0.19384100000000001</c:v>
                </c:pt>
                <c:pt idx="2218">
                  <c:v>0.193799</c:v>
                </c:pt>
                <c:pt idx="2219">
                  <c:v>0.19375600000000001</c:v>
                </c:pt>
                <c:pt idx="2220">
                  <c:v>0.193714</c:v>
                </c:pt>
                <c:pt idx="2221">
                  <c:v>0.19367100000000001</c:v>
                </c:pt>
                <c:pt idx="2222">
                  <c:v>0.193629</c:v>
                </c:pt>
                <c:pt idx="2223">
                  <c:v>0.19358600000000001</c:v>
                </c:pt>
                <c:pt idx="2224">
                  <c:v>0.19354399999999999</c:v>
                </c:pt>
                <c:pt idx="2225">
                  <c:v>0.19350100000000001</c:v>
                </c:pt>
                <c:pt idx="2226">
                  <c:v>0.19345899999999999</c:v>
                </c:pt>
                <c:pt idx="2227">
                  <c:v>0.19341700000000001</c:v>
                </c:pt>
                <c:pt idx="2228">
                  <c:v>0.19337499999999999</c:v>
                </c:pt>
                <c:pt idx="2229">
                  <c:v>0.193332</c:v>
                </c:pt>
                <c:pt idx="2230">
                  <c:v>0.19328999999999999</c:v>
                </c:pt>
                <c:pt idx="2231">
                  <c:v>0.193248</c:v>
                </c:pt>
                <c:pt idx="2232">
                  <c:v>0.19320599999999999</c:v>
                </c:pt>
                <c:pt idx="2233">
                  <c:v>0.193164</c:v>
                </c:pt>
                <c:pt idx="2234">
                  <c:v>0.19312199999999999</c:v>
                </c:pt>
                <c:pt idx="2235">
                  <c:v>0.19308</c:v>
                </c:pt>
                <c:pt idx="2236">
                  <c:v>0.19303799999999999</c:v>
                </c:pt>
                <c:pt idx="2237">
                  <c:v>0.192996</c:v>
                </c:pt>
                <c:pt idx="2238">
                  <c:v>0.19295399999999999</c:v>
                </c:pt>
                <c:pt idx="2239">
                  <c:v>0.192912</c:v>
                </c:pt>
                <c:pt idx="2240">
                  <c:v>0.19287000000000001</c:v>
                </c:pt>
                <c:pt idx="2241">
                  <c:v>0.192828</c:v>
                </c:pt>
                <c:pt idx="2242">
                  <c:v>0.19278600000000001</c:v>
                </c:pt>
                <c:pt idx="2243">
                  <c:v>0.192744</c:v>
                </c:pt>
                <c:pt idx="2244">
                  <c:v>0.19270300000000001</c:v>
                </c:pt>
                <c:pt idx="2245">
                  <c:v>0.192661</c:v>
                </c:pt>
                <c:pt idx="2246">
                  <c:v>0.19261900000000001</c:v>
                </c:pt>
                <c:pt idx="2247">
                  <c:v>0.192577</c:v>
                </c:pt>
                <c:pt idx="2248">
                  <c:v>0.19253600000000001</c:v>
                </c:pt>
                <c:pt idx="2249">
                  <c:v>0.192494</c:v>
                </c:pt>
                <c:pt idx="2250">
                  <c:v>0.19245300000000001</c:v>
                </c:pt>
                <c:pt idx="2251">
                  <c:v>0.192411</c:v>
                </c:pt>
                <c:pt idx="2252">
                  <c:v>0.19237000000000001</c:v>
                </c:pt>
                <c:pt idx="2253">
                  <c:v>0.192328</c:v>
                </c:pt>
                <c:pt idx="2254">
                  <c:v>0.19228700000000001</c:v>
                </c:pt>
                <c:pt idx="2255">
                  <c:v>0.192245</c:v>
                </c:pt>
                <c:pt idx="2256">
                  <c:v>0.19220400000000001</c:v>
                </c:pt>
                <c:pt idx="2257">
                  <c:v>0.192162</c:v>
                </c:pt>
                <c:pt idx="2258">
                  <c:v>0.19212099999999999</c:v>
                </c:pt>
                <c:pt idx="2259">
                  <c:v>0.19208</c:v>
                </c:pt>
                <c:pt idx="2260">
                  <c:v>0.19203799999999999</c:v>
                </c:pt>
                <c:pt idx="2261">
                  <c:v>0.191997</c:v>
                </c:pt>
                <c:pt idx="2262">
                  <c:v>0.19195599999999999</c:v>
                </c:pt>
                <c:pt idx="2263">
                  <c:v>0.191915</c:v>
                </c:pt>
                <c:pt idx="2264">
                  <c:v>0.19187399999999999</c:v>
                </c:pt>
                <c:pt idx="2265">
                  <c:v>0.191832</c:v>
                </c:pt>
                <c:pt idx="2266">
                  <c:v>0.19179099999999999</c:v>
                </c:pt>
                <c:pt idx="2267">
                  <c:v>0.19175</c:v>
                </c:pt>
                <c:pt idx="2268">
                  <c:v>0.19170899999999999</c:v>
                </c:pt>
                <c:pt idx="2269">
                  <c:v>0.19166800000000001</c:v>
                </c:pt>
                <c:pt idx="2270">
                  <c:v>0.19162699999999999</c:v>
                </c:pt>
                <c:pt idx="2271">
                  <c:v>0.19158600000000001</c:v>
                </c:pt>
                <c:pt idx="2272">
                  <c:v>0.19154499999999999</c:v>
                </c:pt>
                <c:pt idx="2273">
                  <c:v>0.19150400000000001</c:v>
                </c:pt>
                <c:pt idx="2274">
                  <c:v>0.19146299999999999</c:v>
                </c:pt>
                <c:pt idx="2275">
                  <c:v>0.19142300000000001</c:v>
                </c:pt>
                <c:pt idx="2276">
                  <c:v>0.191382</c:v>
                </c:pt>
                <c:pt idx="2277">
                  <c:v>0.19134100000000001</c:v>
                </c:pt>
                <c:pt idx="2278">
                  <c:v>0.1913</c:v>
                </c:pt>
                <c:pt idx="2279">
                  <c:v>0.19125900000000001</c:v>
                </c:pt>
                <c:pt idx="2280">
                  <c:v>0.191219</c:v>
                </c:pt>
                <c:pt idx="2281">
                  <c:v>0.19117799999999999</c:v>
                </c:pt>
                <c:pt idx="2282">
                  <c:v>0.191137</c:v>
                </c:pt>
                <c:pt idx="2283">
                  <c:v>0.19109699999999999</c:v>
                </c:pt>
                <c:pt idx="2284">
                  <c:v>0.191056</c:v>
                </c:pt>
                <c:pt idx="2285">
                  <c:v>0.19101599999999999</c:v>
                </c:pt>
                <c:pt idx="2286">
                  <c:v>0.19097500000000001</c:v>
                </c:pt>
                <c:pt idx="2287">
                  <c:v>0.19093399999999999</c:v>
                </c:pt>
                <c:pt idx="2288">
                  <c:v>0.19089400000000001</c:v>
                </c:pt>
                <c:pt idx="2289">
                  <c:v>0.190854</c:v>
                </c:pt>
                <c:pt idx="2290">
                  <c:v>0.19081300000000001</c:v>
                </c:pt>
                <c:pt idx="2291">
                  <c:v>0.190773</c:v>
                </c:pt>
                <c:pt idx="2292">
                  <c:v>0.19073200000000001</c:v>
                </c:pt>
                <c:pt idx="2293">
                  <c:v>0.190692</c:v>
                </c:pt>
                <c:pt idx="2294">
                  <c:v>0.19065199999999999</c:v>
                </c:pt>
                <c:pt idx="2295">
                  <c:v>0.190611</c:v>
                </c:pt>
                <c:pt idx="2296">
                  <c:v>0.19057099999999999</c:v>
                </c:pt>
                <c:pt idx="2297">
                  <c:v>0.19053100000000001</c:v>
                </c:pt>
                <c:pt idx="2298">
                  <c:v>0.19049099999999999</c:v>
                </c:pt>
                <c:pt idx="2299">
                  <c:v>0.19045000000000001</c:v>
                </c:pt>
                <c:pt idx="2300">
                  <c:v>0.19041</c:v>
                </c:pt>
                <c:pt idx="2301">
                  <c:v>0.19037000000000001</c:v>
                </c:pt>
                <c:pt idx="2302">
                  <c:v>0.19033</c:v>
                </c:pt>
                <c:pt idx="2303">
                  <c:v>0.19028999999999999</c:v>
                </c:pt>
                <c:pt idx="2304">
                  <c:v>0.19025</c:v>
                </c:pt>
                <c:pt idx="2305">
                  <c:v>0.19020999999999999</c:v>
                </c:pt>
                <c:pt idx="2306">
                  <c:v>0.19017000000000001</c:v>
                </c:pt>
                <c:pt idx="2307">
                  <c:v>0.19012999999999999</c:v>
                </c:pt>
                <c:pt idx="2308">
                  <c:v>0.19009000000000001</c:v>
                </c:pt>
                <c:pt idx="2309">
                  <c:v>0.19005</c:v>
                </c:pt>
                <c:pt idx="2310">
                  <c:v>0.19001000000000001</c:v>
                </c:pt>
                <c:pt idx="2311">
                  <c:v>0.18997</c:v>
                </c:pt>
                <c:pt idx="2312">
                  <c:v>0.18992999999999999</c:v>
                </c:pt>
                <c:pt idx="2313">
                  <c:v>0.189891</c:v>
                </c:pt>
                <c:pt idx="2314">
                  <c:v>0.18985099999999999</c:v>
                </c:pt>
                <c:pt idx="2315">
                  <c:v>0.18981100000000001</c:v>
                </c:pt>
                <c:pt idx="2316">
                  <c:v>0.189771</c:v>
                </c:pt>
                <c:pt idx="2317">
                  <c:v>0.18973200000000001</c:v>
                </c:pt>
                <c:pt idx="2318">
                  <c:v>0.189692</c:v>
                </c:pt>
                <c:pt idx="2319">
                  <c:v>0.18965199999999999</c:v>
                </c:pt>
                <c:pt idx="2320">
                  <c:v>0.189613</c:v>
                </c:pt>
                <c:pt idx="2321">
                  <c:v>0.18957299999999999</c:v>
                </c:pt>
                <c:pt idx="2322">
                  <c:v>0.18953300000000001</c:v>
                </c:pt>
                <c:pt idx="2323">
                  <c:v>0.189494</c:v>
                </c:pt>
                <c:pt idx="2324">
                  <c:v>0.18945400000000001</c:v>
                </c:pt>
                <c:pt idx="2325">
                  <c:v>0.189415</c:v>
                </c:pt>
                <c:pt idx="2326">
                  <c:v>0.18937499999999999</c:v>
                </c:pt>
                <c:pt idx="2327">
                  <c:v>0.189336</c:v>
                </c:pt>
                <c:pt idx="2328">
                  <c:v>0.18929599999999999</c:v>
                </c:pt>
                <c:pt idx="2329">
                  <c:v>0.18925700000000001</c:v>
                </c:pt>
                <c:pt idx="2330">
                  <c:v>0.189218</c:v>
                </c:pt>
                <c:pt idx="2331">
                  <c:v>0.18917800000000001</c:v>
                </c:pt>
                <c:pt idx="2332">
                  <c:v>0.189139</c:v>
                </c:pt>
                <c:pt idx="2333">
                  <c:v>0.18909999999999999</c:v>
                </c:pt>
                <c:pt idx="2334">
                  <c:v>0.18906000000000001</c:v>
                </c:pt>
                <c:pt idx="2335">
                  <c:v>0.18902099999999999</c:v>
                </c:pt>
                <c:pt idx="2336">
                  <c:v>0.18898200000000001</c:v>
                </c:pt>
                <c:pt idx="2337">
                  <c:v>0.188943</c:v>
                </c:pt>
                <c:pt idx="2338">
                  <c:v>0.18890299999999999</c:v>
                </c:pt>
                <c:pt idx="2339">
                  <c:v>0.188864</c:v>
                </c:pt>
                <c:pt idx="2340">
                  <c:v>0.18882499999999999</c:v>
                </c:pt>
                <c:pt idx="2341">
                  <c:v>0.18878600000000001</c:v>
                </c:pt>
                <c:pt idx="2342">
                  <c:v>0.188747</c:v>
                </c:pt>
                <c:pt idx="2343">
                  <c:v>0.18870799999999999</c:v>
                </c:pt>
                <c:pt idx="2344">
                  <c:v>0.188669</c:v>
                </c:pt>
                <c:pt idx="2345">
                  <c:v>0.18862999999999999</c:v>
                </c:pt>
                <c:pt idx="2346">
                  <c:v>0.18859100000000001</c:v>
                </c:pt>
                <c:pt idx="2347">
                  <c:v>0.188552</c:v>
                </c:pt>
                <c:pt idx="2348">
                  <c:v>0.18851299999999999</c:v>
                </c:pt>
                <c:pt idx="2349">
                  <c:v>0.188474</c:v>
                </c:pt>
                <c:pt idx="2350">
                  <c:v>0.18843499999999999</c:v>
                </c:pt>
                <c:pt idx="2351">
                  <c:v>0.18839600000000001</c:v>
                </c:pt>
                <c:pt idx="2352">
                  <c:v>0.188357</c:v>
                </c:pt>
                <c:pt idx="2353">
                  <c:v>0.18831800000000001</c:v>
                </c:pt>
                <c:pt idx="2354">
                  <c:v>0.18828</c:v>
                </c:pt>
                <c:pt idx="2355">
                  <c:v>0.18824099999999999</c:v>
                </c:pt>
                <c:pt idx="2356">
                  <c:v>0.18820200000000001</c:v>
                </c:pt>
                <c:pt idx="2357">
                  <c:v>0.188163</c:v>
                </c:pt>
                <c:pt idx="2358">
                  <c:v>0.18812499999999999</c:v>
                </c:pt>
                <c:pt idx="2359">
                  <c:v>0.188086</c:v>
                </c:pt>
                <c:pt idx="2360">
                  <c:v>0.18804699999999999</c:v>
                </c:pt>
                <c:pt idx="2361">
                  <c:v>0.18800800000000001</c:v>
                </c:pt>
                <c:pt idx="2362">
                  <c:v>0.18797</c:v>
                </c:pt>
                <c:pt idx="2363">
                  <c:v>0.18793099999999999</c:v>
                </c:pt>
                <c:pt idx="2364">
                  <c:v>0.187893</c:v>
                </c:pt>
                <c:pt idx="2365">
                  <c:v>0.18785399999999999</c:v>
                </c:pt>
                <c:pt idx="2366">
                  <c:v>0.18781600000000001</c:v>
                </c:pt>
                <c:pt idx="2367">
                  <c:v>0.187777</c:v>
                </c:pt>
                <c:pt idx="2368">
                  <c:v>0.18773799999999999</c:v>
                </c:pt>
                <c:pt idx="2369">
                  <c:v>0.18770000000000001</c:v>
                </c:pt>
                <c:pt idx="2370">
                  <c:v>0.187662</c:v>
                </c:pt>
                <c:pt idx="2371">
                  <c:v>0.18762300000000001</c:v>
                </c:pt>
                <c:pt idx="2372">
                  <c:v>0.187585</c:v>
                </c:pt>
                <c:pt idx="2373">
                  <c:v>0.18754599999999999</c:v>
                </c:pt>
                <c:pt idx="2374">
                  <c:v>0.18750800000000001</c:v>
                </c:pt>
                <c:pt idx="2375">
                  <c:v>0.18747</c:v>
                </c:pt>
                <c:pt idx="2376">
                  <c:v>0.18743099999999999</c:v>
                </c:pt>
                <c:pt idx="2377">
                  <c:v>0.187393</c:v>
                </c:pt>
                <c:pt idx="2378">
                  <c:v>0.18735499999999999</c:v>
                </c:pt>
                <c:pt idx="2379">
                  <c:v>0.18731600000000001</c:v>
                </c:pt>
                <c:pt idx="2380">
                  <c:v>0.187278</c:v>
                </c:pt>
                <c:pt idx="2381">
                  <c:v>0.18723999999999999</c:v>
                </c:pt>
                <c:pt idx="2382">
                  <c:v>0.18720200000000001</c:v>
                </c:pt>
                <c:pt idx="2383">
                  <c:v>0.187163</c:v>
                </c:pt>
                <c:pt idx="2384">
                  <c:v>0.18712500000000001</c:v>
                </c:pt>
                <c:pt idx="2385">
                  <c:v>0.187087</c:v>
                </c:pt>
                <c:pt idx="2386">
                  <c:v>0.18704899999999999</c:v>
                </c:pt>
                <c:pt idx="2387">
                  <c:v>0.18701100000000001</c:v>
                </c:pt>
                <c:pt idx="2388">
                  <c:v>0.186973</c:v>
                </c:pt>
                <c:pt idx="2389">
                  <c:v>0.18693499999999999</c:v>
                </c:pt>
                <c:pt idx="2390">
                  <c:v>0.18689700000000001</c:v>
                </c:pt>
                <c:pt idx="2391">
                  <c:v>0.186859</c:v>
                </c:pt>
                <c:pt idx="2392">
                  <c:v>0.18682099999999999</c:v>
                </c:pt>
                <c:pt idx="2393">
                  <c:v>0.186783</c:v>
                </c:pt>
                <c:pt idx="2394">
                  <c:v>0.18674499999999999</c:v>
                </c:pt>
                <c:pt idx="2395">
                  <c:v>0.18670700000000001</c:v>
                </c:pt>
                <c:pt idx="2396">
                  <c:v>0.186669</c:v>
                </c:pt>
                <c:pt idx="2397">
                  <c:v>0.18663099999999999</c:v>
                </c:pt>
                <c:pt idx="2398">
                  <c:v>0.18659300000000001</c:v>
                </c:pt>
                <c:pt idx="2399">
                  <c:v>0.186555</c:v>
                </c:pt>
                <c:pt idx="2400">
                  <c:v>0.18651699999999999</c:v>
                </c:pt>
                <c:pt idx="2401">
                  <c:v>0.18647900000000001</c:v>
                </c:pt>
                <c:pt idx="2402">
                  <c:v>0.186441</c:v>
                </c:pt>
                <c:pt idx="2403">
                  <c:v>0.18640399999999999</c:v>
                </c:pt>
                <c:pt idx="2404">
                  <c:v>0.186366</c:v>
                </c:pt>
                <c:pt idx="2405">
                  <c:v>0.18632799999999999</c:v>
                </c:pt>
                <c:pt idx="2406">
                  <c:v>0.18629000000000001</c:v>
                </c:pt>
                <c:pt idx="2407">
                  <c:v>0.186252</c:v>
                </c:pt>
                <c:pt idx="2408">
                  <c:v>0.18621499999999999</c:v>
                </c:pt>
                <c:pt idx="2409">
                  <c:v>0.18617700000000001</c:v>
                </c:pt>
                <c:pt idx="2410">
                  <c:v>0.186139</c:v>
                </c:pt>
                <c:pt idx="2411">
                  <c:v>0.18610199999999999</c:v>
                </c:pt>
                <c:pt idx="2412">
                  <c:v>0.18606400000000001</c:v>
                </c:pt>
                <c:pt idx="2413">
                  <c:v>0.186026</c:v>
                </c:pt>
                <c:pt idx="2414">
                  <c:v>0.18598899999999999</c:v>
                </c:pt>
                <c:pt idx="2415">
                  <c:v>0.18595100000000001</c:v>
                </c:pt>
                <c:pt idx="2416">
                  <c:v>0.185914</c:v>
                </c:pt>
                <c:pt idx="2417">
                  <c:v>0.18587600000000001</c:v>
                </c:pt>
                <c:pt idx="2418">
                  <c:v>0.185838</c:v>
                </c:pt>
                <c:pt idx="2419">
                  <c:v>0.18580099999999999</c:v>
                </c:pt>
                <c:pt idx="2420">
                  <c:v>0.18576300000000001</c:v>
                </c:pt>
                <c:pt idx="2421">
                  <c:v>0.185726</c:v>
                </c:pt>
                <c:pt idx="2422">
                  <c:v>0.18568799999999999</c:v>
                </c:pt>
                <c:pt idx="2423">
                  <c:v>0.18565100000000001</c:v>
                </c:pt>
                <c:pt idx="2424">
                  <c:v>0.185613</c:v>
                </c:pt>
                <c:pt idx="2425">
                  <c:v>0.18557599999999999</c:v>
                </c:pt>
                <c:pt idx="2426">
                  <c:v>0.18553800000000001</c:v>
                </c:pt>
                <c:pt idx="2427">
                  <c:v>0.185501</c:v>
                </c:pt>
                <c:pt idx="2428">
                  <c:v>0.18546399999999999</c:v>
                </c:pt>
                <c:pt idx="2429">
                  <c:v>0.18542600000000001</c:v>
                </c:pt>
                <c:pt idx="2430">
                  <c:v>0.185389</c:v>
                </c:pt>
                <c:pt idx="2431">
                  <c:v>0.18535199999999999</c:v>
                </c:pt>
                <c:pt idx="2432">
                  <c:v>0.18531400000000001</c:v>
                </c:pt>
                <c:pt idx="2433">
                  <c:v>0.185277</c:v>
                </c:pt>
                <c:pt idx="2434">
                  <c:v>0.18523999999999999</c:v>
                </c:pt>
                <c:pt idx="2435">
                  <c:v>0.18520200000000001</c:v>
                </c:pt>
                <c:pt idx="2436">
                  <c:v>0.185165</c:v>
                </c:pt>
                <c:pt idx="2437">
                  <c:v>0.18512799999999999</c:v>
                </c:pt>
                <c:pt idx="2438">
                  <c:v>0.18509</c:v>
                </c:pt>
                <c:pt idx="2439">
                  <c:v>0.185053</c:v>
                </c:pt>
                <c:pt idx="2440">
                  <c:v>0.18501600000000001</c:v>
                </c:pt>
                <c:pt idx="2441">
                  <c:v>0.184979</c:v>
                </c:pt>
                <c:pt idx="2442">
                  <c:v>0.18494099999999999</c:v>
                </c:pt>
                <c:pt idx="2443">
                  <c:v>0.18490400000000001</c:v>
                </c:pt>
                <c:pt idx="2444">
                  <c:v>0.184867</c:v>
                </c:pt>
                <c:pt idx="2445">
                  <c:v>0.18482999999999999</c:v>
                </c:pt>
                <c:pt idx="2446">
                  <c:v>0.18479300000000001</c:v>
                </c:pt>
                <c:pt idx="2447">
                  <c:v>0.184756</c:v>
                </c:pt>
                <c:pt idx="2448">
                  <c:v>0.18471799999999999</c:v>
                </c:pt>
                <c:pt idx="2449">
                  <c:v>0.18468100000000001</c:v>
                </c:pt>
                <c:pt idx="2450">
                  <c:v>0.184644</c:v>
                </c:pt>
                <c:pt idx="2451">
                  <c:v>0.18460699999999999</c:v>
                </c:pt>
                <c:pt idx="2452">
                  <c:v>0.18457000000000001</c:v>
                </c:pt>
                <c:pt idx="2453">
                  <c:v>0.184533</c:v>
                </c:pt>
                <c:pt idx="2454">
                  <c:v>0.18449599999999999</c:v>
                </c:pt>
                <c:pt idx="2455">
                  <c:v>0.18445900000000001</c:v>
                </c:pt>
                <c:pt idx="2456">
                  <c:v>0.184422</c:v>
                </c:pt>
                <c:pt idx="2457">
                  <c:v>0.18438499999999999</c:v>
                </c:pt>
                <c:pt idx="2458">
                  <c:v>0.18434800000000001</c:v>
                </c:pt>
                <c:pt idx="2459">
                  <c:v>0.184311</c:v>
                </c:pt>
                <c:pt idx="2460">
                  <c:v>0.18427299999999999</c:v>
                </c:pt>
                <c:pt idx="2461">
                  <c:v>0.18423600000000001</c:v>
                </c:pt>
                <c:pt idx="2462">
                  <c:v>0.184199</c:v>
                </c:pt>
                <c:pt idx="2463">
                  <c:v>0.18416199999999999</c:v>
                </c:pt>
                <c:pt idx="2464">
                  <c:v>0.18412600000000001</c:v>
                </c:pt>
                <c:pt idx="2465">
                  <c:v>0.184089</c:v>
                </c:pt>
                <c:pt idx="2466">
                  <c:v>0.18405199999999999</c:v>
                </c:pt>
                <c:pt idx="2467">
                  <c:v>0.18401500000000001</c:v>
                </c:pt>
                <c:pt idx="2468">
                  <c:v>0.183978</c:v>
                </c:pt>
                <c:pt idx="2469">
                  <c:v>0.18394099999999999</c:v>
                </c:pt>
                <c:pt idx="2470">
                  <c:v>0.18390400000000001</c:v>
                </c:pt>
                <c:pt idx="2471">
                  <c:v>0.183867</c:v>
                </c:pt>
                <c:pt idx="2472">
                  <c:v>0.18382999999999999</c:v>
                </c:pt>
                <c:pt idx="2473">
                  <c:v>0.18379300000000001</c:v>
                </c:pt>
                <c:pt idx="2474">
                  <c:v>0.183756</c:v>
                </c:pt>
                <c:pt idx="2475">
                  <c:v>0.18371899999999999</c:v>
                </c:pt>
                <c:pt idx="2476">
                  <c:v>0.18368200000000001</c:v>
                </c:pt>
                <c:pt idx="2477">
                  <c:v>0.183645</c:v>
                </c:pt>
                <c:pt idx="2478">
                  <c:v>0.18360899999999999</c:v>
                </c:pt>
                <c:pt idx="2479">
                  <c:v>0.18357200000000001</c:v>
                </c:pt>
                <c:pt idx="2480">
                  <c:v>0.183535</c:v>
                </c:pt>
                <c:pt idx="2481">
                  <c:v>0.18349799999999999</c:v>
                </c:pt>
                <c:pt idx="2482">
                  <c:v>0.18346100000000001</c:v>
                </c:pt>
                <c:pt idx="2483">
                  <c:v>0.183424</c:v>
                </c:pt>
                <c:pt idx="2484">
                  <c:v>0.18338699999999999</c:v>
                </c:pt>
                <c:pt idx="2485">
                  <c:v>0.18335099999999999</c:v>
                </c:pt>
                <c:pt idx="2486">
                  <c:v>0.183314</c:v>
                </c:pt>
                <c:pt idx="2487">
                  <c:v>0.183277</c:v>
                </c:pt>
                <c:pt idx="2488">
                  <c:v>0.18323999999999999</c:v>
                </c:pt>
                <c:pt idx="2489">
                  <c:v>0.183203</c:v>
                </c:pt>
                <c:pt idx="2490">
                  <c:v>0.183166</c:v>
                </c:pt>
                <c:pt idx="2491">
                  <c:v>0.18312999999999999</c:v>
                </c:pt>
                <c:pt idx="2492">
                  <c:v>0.18309300000000001</c:v>
                </c:pt>
                <c:pt idx="2493">
                  <c:v>0.183056</c:v>
                </c:pt>
                <c:pt idx="2494">
                  <c:v>0.18301899999999999</c:v>
                </c:pt>
                <c:pt idx="2495">
                  <c:v>0.18298200000000001</c:v>
                </c:pt>
                <c:pt idx="2496">
                  <c:v>0.182945</c:v>
                </c:pt>
                <c:pt idx="2497">
                  <c:v>0.18290899999999999</c:v>
                </c:pt>
                <c:pt idx="2498">
                  <c:v>0.18287200000000001</c:v>
                </c:pt>
                <c:pt idx="2499">
                  <c:v>0.182835</c:v>
                </c:pt>
                <c:pt idx="2500">
                  <c:v>0.18279799999999999</c:v>
                </c:pt>
                <c:pt idx="2501">
                  <c:v>0.18276100000000001</c:v>
                </c:pt>
                <c:pt idx="2502">
                  <c:v>0.182725</c:v>
                </c:pt>
                <c:pt idx="2503">
                  <c:v>0.18268799999999999</c:v>
                </c:pt>
                <c:pt idx="2504">
                  <c:v>0.18265100000000001</c:v>
                </c:pt>
                <c:pt idx="2505">
                  <c:v>0.182614</c:v>
                </c:pt>
                <c:pt idx="2506">
                  <c:v>0.18257699999999999</c:v>
                </c:pt>
                <c:pt idx="2507">
                  <c:v>0.18254000000000001</c:v>
                </c:pt>
                <c:pt idx="2508">
                  <c:v>0.182504</c:v>
                </c:pt>
                <c:pt idx="2509">
                  <c:v>0.18246699999999999</c:v>
                </c:pt>
                <c:pt idx="2510">
                  <c:v>0.18243000000000001</c:v>
                </c:pt>
                <c:pt idx="2511">
                  <c:v>0.182393</c:v>
                </c:pt>
                <c:pt idx="2512">
                  <c:v>0.18235599999999999</c:v>
                </c:pt>
                <c:pt idx="2513">
                  <c:v>0.18231900000000001</c:v>
                </c:pt>
                <c:pt idx="2514">
                  <c:v>0.182283</c:v>
                </c:pt>
                <c:pt idx="2515">
                  <c:v>0.18224599999999999</c:v>
                </c:pt>
                <c:pt idx="2516">
                  <c:v>0.18220900000000001</c:v>
                </c:pt>
                <c:pt idx="2517">
                  <c:v>0.182172</c:v>
                </c:pt>
                <c:pt idx="2518">
                  <c:v>0.18213499999999999</c:v>
                </c:pt>
                <c:pt idx="2519">
                  <c:v>0.18209800000000001</c:v>
                </c:pt>
                <c:pt idx="2520">
                  <c:v>0.182061</c:v>
                </c:pt>
                <c:pt idx="2521">
                  <c:v>0.18202399999999999</c:v>
                </c:pt>
                <c:pt idx="2522">
                  <c:v>0.18198800000000001</c:v>
                </c:pt>
                <c:pt idx="2523">
                  <c:v>0.181951</c:v>
                </c:pt>
                <c:pt idx="2524">
                  <c:v>0.18191399999999999</c:v>
                </c:pt>
                <c:pt idx="2525">
                  <c:v>0.18187700000000001</c:v>
                </c:pt>
                <c:pt idx="2526">
                  <c:v>0.18184</c:v>
                </c:pt>
                <c:pt idx="2527">
                  <c:v>0.18180299999999999</c:v>
                </c:pt>
                <c:pt idx="2528">
                  <c:v>0.18176600000000001</c:v>
                </c:pt>
                <c:pt idx="2529">
                  <c:v>0.181729</c:v>
                </c:pt>
                <c:pt idx="2530">
                  <c:v>0.18169199999999999</c:v>
                </c:pt>
                <c:pt idx="2531">
                  <c:v>0.18165500000000001</c:v>
                </c:pt>
                <c:pt idx="2532">
                  <c:v>0.181618</c:v>
                </c:pt>
                <c:pt idx="2533">
                  <c:v>0.18158099999999999</c:v>
                </c:pt>
                <c:pt idx="2534">
                  <c:v>0.18154400000000001</c:v>
                </c:pt>
                <c:pt idx="2535">
                  <c:v>0.181507</c:v>
                </c:pt>
                <c:pt idx="2536">
                  <c:v>0.18146999999999999</c:v>
                </c:pt>
                <c:pt idx="2537">
                  <c:v>0.18143300000000001</c:v>
                </c:pt>
                <c:pt idx="2538">
                  <c:v>0.181396</c:v>
                </c:pt>
                <c:pt idx="2539">
                  <c:v>0.18135899999999999</c:v>
                </c:pt>
                <c:pt idx="2540">
                  <c:v>0.18132200000000001</c:v>
                </c:pt>
                <c:pt idx="2541">
                  <c:v>0.181285</c:v>
                </c:pt>
                <c:pt idx="2542">
                  <c:v>0.18124699999999999</c:v>
                </c:pt>
                <c:pt idx="2543">
                  <c:v>0.18121000000000001</c:v>
                </c:pt>
                <c:pt idx="2544">
                  <c:v>0.181173</c:v>
                </c:pt>
                <c:pt idx="2545">
                  <c:v>0.18113599999999999</c:v>
                </c:pt>
                <c:pt idx="2546">
                  <c:v>0.18109900000000001</c:v>
                </c:pt>
                <c:pt idx="2547">
                  <c:v>0.181061</c:v>
                </c:pt>
                <c:pt idx="2548">
                  <c:v>0.18102399999999999</c:v>
                </c:pt>
                <c:pt idx="2549">
                  <c:v>0.18098700000000001</c:v>
                </c:pt>
                <c:pt idx="2550">
                  <c:v>0.18095</c:v>
                </c:pt>
                <c:pt idx="2551">
                  <c:v>0.18091199999999999</c:v>
                </c:pt>
                <c:pt idx="2552">
                  <c:v>0.18087500000000001</c:v>
                </c:pt>
                <c:pt idx="2553">
                  <c:v>0.180838</c:v>
                </c:pt>
                <c:pt idx="2554">
                  <c:v>0.18079999999999999</c:v>
                </c:pt>
                <c:pt idx="2555">
                  <c:v>0.18076300000000001</c:v>
                </c:pt>
                <c:pt idx="2556">
                  <c:v>0.180726</c:v>
                </c:pt>
                <c:pt idx="2557">
                  <c:v>0.18068799999999999</c:v>
                </c:pt>
                <c:pt idx="2558">
                  <c:v>0.18065100000000001</c:v>
                </c:pt>
                <c:pt idx="2559">
                  <c:v>0.180613</c:v>
                </c:pt>
                <c:pt idx="2560">
                  <c:v>0.18057599999999999</c:v>
                </c:pt>
                <c:pt idx="2561">
                  <c:v>0.180538</c:v>
                </c:pt>
                <c:pt idx="2562">
                  <c:v>0.18050099999999999</c:v>
                </c:pt>
                <c:pt idx="2563">
                  <c:v>0.18046300000000001</c:v>
                </c:pt>
                <c:pt idx="2564">
                  <c:v>0.180425</c:v>
                </c:pt>
                <c:pt idx="2565">
                  <c:v>0.18038799999999999</c:v>
                </c:pt>
                <c:pt idx="2566">
                  <c:v>0.18035000000000001</c:v>
                </c:pt>
                <c:pt idx="2567">
                  <c:v>0.180312</c:v>
                </c:pt>
                <c:pt idx="2568">
                  <c:v>0.18027499999999999</c:v>
                </c:pt>
                <c:pt idx="2569">
                  <c:v>0.18023700000000001</c:v>
                </c:pt>
                <c:pt idx="2570">
                  <c:v>0.180199</c:v>
                </c:pt>
                <c:pt idx="2571">
                  <c:v>0.18016099999999999</c:v>
                </c:pt>
                <c:pt idx="2572">
                  <c:v>0.18012300000000001</c:v>
                </c:pt>
                <c:pt idx="2573">
                  <c:v>0.180085</c:v>
                </c:pt>
                <c:pt idx="2574">
                  <c:v>0.18004700000000001</c:v>
                </c:pt>
                <c:pt idx="2575">
                  <c:v>0.180009</c:v>
                </c:pt>
                <c:pt idx="2576">
                  <c:v>0.17997099999999999</c:v>
                </c:pt>
                <c:pt idx="2577">
                  <c:v>0.17993300000000001</c:v>
                </c:pt>
                <c:pt idx="2578">
                  <c:v>0.179895</c:v>
                </c:pt>
                <c:pt idx="2579">
                  <c:v>0.17985699999999999</c:v>
                </c:pt>
                <c:pt idx="2580">
                  <c:v>0.17981900000000001</c:v>
                </c:pt>
                <c:pt idx="2581">
                  <c:v>0.179781</c:v>
                </c:pt>
                <c:pt idx="2582">
                  <c:v>0.17974300000000001</c:v>
                </c:pt>
                <c:pt idx="2583">
                  <c:v>0.179704</c:v>
                </c:pt>
                <c:pt idx="2584">
                  <c:v>0.17966599999999999</c:v>
                </c:pt>
                <c:pt idx="2585">
                  <c:v>0.17962800000000001</c:v>
                </c:pt>
                <c:pt idx="2586">
                  <c:v>0.179589</c:v>
                </c:pt>
                <c:pt idx="2587">
                  <c:v>0.17955099999999999</c:v>
                </c:pt>
                <c:pt idx="2588">
                  <c:v>0.179512</c:v>
                </c:pt>
                <c:pt idx="2589">
                  <c:v>0.17947399999999999</c:v>
                </c:pt>
                <c:pt idx="2590">
                  <c:v>0.17943500000000001</c:v>
                </c:pt>
                <c:pt idx="2591">
                  <c:v>0.179397</c:v>
                </c:pt>
                <c:pt idx="2592">
                  <c:v>0.17935799999999999</c:v>
                </c:pt>
                <c:pt idx="2593">
                  <c:v>0.17931900000000001</c:v>
                </c:pt>
                <c:pt idx="2594">
                  <c:v>0.17927999999999999</c:v>
                </c:pt>
                <c:pt idx="2595">
                  <c:v>0.17924200000000001</c:v>
                </c:pt>
                <c:pt idx="2596">
                  <c:v>0.179203</c:v>
                </c:pt>
                <c:pt idx="2597">
                  <c:v>0.17916399999999999</c:v>
                </c:pt>
                <c:pt idx="2598">
                  <c:v>0.17912500000000001</c:v>
                </c:pt>
                <c:pt idx="2599">
                  <c:v>0.179086</c:v>
                </c:pt>
                <c:pt idx="2600">
                  <c:v>0.17904700000000001</c:v>
                </c:pt>
                <c:pt idx="2601">
                  <c:v>0.179008</c:v>
                </c:pt>
                <c:pt idx="2602">
                  <c:v>0.17896899999999999</c:v>
                </c:pt>
                <c:pt idx="2603">
                  <c:v>0.178929</c:v>
                </c:pt>
                <c:pt idx="2604">
                  <c:v>0.17888999999999999</c:v>
                </c:pt>
                <c:pt idx="2605">
                  <c:v>0.17885100000000001</c:v>
                </c:pt>
                <c:pt idx="2606">
                  <c:v>0.178811</c:v>
                </c:pt>
                <c:pt idx="2607">
                  <c:v>0.17877199999999999</c:v>
                </c:pt>
                <c:pt idx="2608">
                  <c:v>0.178732</c:v>
                </c:pt>
                <c:pt idx="2609">
                  <c:v>0.17869299999999999</c:v>
                </c:pt>
                <c:pt idx="2610">
                  <c:v>0.17865300000000001</c:v>
                </c:pt>
                <c:pt idx="2611">
                  <c:v>0.17861299999999999</c:v>
                </c:pt>
                <c:pt idx="2612">
                  <c:v>0.17857400000000001</c:v>
                </c:pt>
                <c:pt idx="2613">
                  <c:v>0.178534</c:v>
                </c:pt>
                <c:pt idx="2614">
                  <c:v>0.17849400000000001</c:v>
                </c:pt>
                <c:pt idx="2615">
                  <c:v>0.178454</c:v>
                </c:pt>
                <c:pt idx="2616">
                  <c:v>0.17841399999999999</c:v>
                </c:pt>
                <c:pt idx="2617">
                  <c:v>0.178374</c:v>
                </c:pt>
                <c:pt idx="2618">
                  <c:v>0.17833399999999999</c:v>
                </c:pt>
                <c:pt idx="2619">
                  <c:v>0.17829400000000001</c:v>
                </c:pt>
                <c:pt idx="2620">
                  <c:v>0.17825299999999999</c:v>
                </c:pt>
                <c:pt idx="2621">
                  <c:v>0.17821300000000001</c:v>
                </c:pt>
                <c:pt idx="2622">
                  <c:v>0.178173</c:v>
                </c:pt>
                <c:pt idx="2623">
                  <c:v>0.17813200000000001</c:v>
                </c:pt>
                <c:pt idx="2624">
                  <c:v>0.178092</c:v>
                </c:pt>
                <c:pt idx="2625">
                  <c:v>0.17805099999999999</c:v>
                </c:pt>
                <c:pt idx="2626">
                  <c:v>0.17801</c:v>
                </c:pt>
                <c:pt idx="2627">
                  <c:v>0.17796999999999999</c:v>
                </c:pt>
                <c:pt idx="2628">
                  <c:v>0.177929</c:v>
                </c:pt>
                <c:pt idx="2629">
                  <c:v>0.17788799999999999</c:v>
                </c:pt>
                <c:pt idx="2630">
                  <c:v>0.17784700000000001</c:v>
                </c:pt>
                <c:pt idx="2631">
                  <c:v>0.17780599999999999</c:v>
                </c:pt>
                <c:pt idx="2632">
                  <c:v>0.17776500000000001</c:v>
                </c:pt>
                <c:pt idx="2633">
                  <c:v>0.17772399999999999</c:v>
                </c:pt>
                <c:pt idx="2634">
                  <c:v>0.17768300000000001</c:v>
                </c:pt>
                <c:pt idx="2635">
                  <c:v>0.17764099999999999</c:v>
                </c:pt>
                <c:pt idx="2636">
                  <c:v>0.17760000000000001</c:v>
                </c:pt>
                <c:pt idx="2637">
                  <c:v>0.17755799999999999</c:v>
                </c:pt>
                <c:pt idx="2638">
                  <c:v>0.17751700000000001</c:v>
                </c:pt>
                <c:pt idx="2639">
                  <c:v>0.17747499999999999</c:v>
                </c:pt>
                <c:pt idx="2640">
                  <c:v>0.17743300000000001</c:v>
                </c:pt>
                <c:pt idx="2641">
                  <c:v>0.17739199999999999</c:v>
                </c:pt>
                <c:pt idx="2642">
                  <c:v>0.17735000000000001</c:v>
                </c:pt>
                <c:pt idx="2643">
                  <c:v>0.17730799999999999</c:v>
                </c:pt>
                <c:pt idx="2644">
                  <c:v>0.17726600000000001</c:v>
                </c:pt>
                <c:pt idx="2645">
                  <c:v>0.17722399999999999</c:v>
                </c:pt>
                <c:pt idx="2646">
                  <c:v>0.17718200000000001</c:v>
                </c:pt>
                <c:pt idx="2647">
                  <c:v>0.17713899999999999</c:v>
                </c:pt>
                <c:pt idx="2648">
                  <c:v>0.177097</c:v>
                </c:pt>
                <c:pt idx="2649">
                  <c:v>0.17705499999999999</c:v>
                </c:pt>
                <c:pt idx="2650">
                  <c:v>0.177012</c:v>
                </c:pt>
                <c:pt idx="2651">
                  <c:v>0.17696899999999999</c:v>
                </c:pt>
                <c:pt idx="2652">
                  <c:v>0.176927</c:v>
                </c:pt>
                <c:pt idx="2653">
                  <c:v>0.17688400000000001</c:v>
                </c:pt>
                <c:pt idx="2654">
                  <c:v>0.176841</c:v>
                </c:pt>
                <c:pt idx="2655">
                  <c:v>0.17679800000000001</c:v>
                </c:pt>
                <c:pt idx="2656">
                  <c:v>0.176755</c:v>
                </c:pt>
                <c:pt idx="2657">
                  <c:v>0.17671200000000001</c:v>
                </c:pt>
                <c:pt idx="2658">
                  <c:v>0.17666899999999999</c:v>
                </c:pt>
                <c:pt idx="2659">
                  <c:v>0.17662600000000001</c:v>
                </c:pt>
                <c:pt idx="2660">
                  <c:v>0.17658199999999999</c:v>
                </c:pt>
                <c:pt idx="2661">
                  <c:v>0.176539</c:v>
                </c:pt>
                <c:pt idx="2662">
                  <c:v>0.17649500000000001</c:v>
                </c:pt>
                <c:pt idx="2663">
                  <c:v>0.176452</c:v>
                </c:pt>
                <c:pt idx="2664">
                  <c:v>0.17640800000000001</c:v>
                </c:pt>
                <c:pt idx="2665">
                  <c:v>0.17636399999999999</c:v>
                </c:pt>
                <c:pt idx="2666">
                  <c:v>0.17632</c:v>
                </c:pt>
                <c:pt idx="2667">
                  <c:v>0.17627599999999999</c:v>
                </c:pt>
                <c:pt idx="2668">
                  <c:v>0.176232</c:v>
                </c:pt>
                <c:pt idx="2669">
                  <c:v>0.17618800000000001</c:v>
                </c:pt>
                <c:pt idx="2670">
                  <c:v>0.176144</c:v>
                </c:pt>
                <c:pt idx="2671">
                  <c:v>0.17610000000000001</c:v>
                </c:pt>
                <c:pt idx="2672">
                  <c:v>0.17605499999999999</c:v>
                </c:pt>
                <c:pt idx="2673">
                  <c:v>0.176011</c:v>
                </c:pt>
                <c:pt idx="2674">
                  <c:v>0.17596600000000001</c:v>
                </c:pt>
                <c:pt idx="2675">
                  <c:v>0.17592099999999999</c:v>
                </c:pt>
                <c:pt idx="2676">
                  <c:v>0.17587700000000001</c:v>
                </c:pt>
                <c:pt idx="2677">
                  <c:v>0.17583199999999999</c:v>
                </c:pt>
                <c:pt idx="2678">
                  <c:v>0.175787</c:v>
                </c:pt>
                <c:pt idx="2679">
                  <c:v>0.17574200000000001</c:v>
                </c:pt>
                <c:pt idx="2680">
                  <c:v>0.17569699999999999</c:v>
                </c:pt>
                <c:pt idx="2681">
                  <c:v>0.175652</c:v>
                </c:pt>
                <c:pt idx="2682">
                  <c:v>0.17560600000000001</c:v>
                </c:pt>
                <c:pt idx="2683">
                  <c:v>0.17556099999999999</c:v>
                </c:pt>
                <c:pt idx="2684">
                  <c:v>0.175515</c:v>
                </c:pt>
                <c:pt idx="2685">
                  <c:v>0.17546999999999999</c:v>
                </c:pt>
                <c:pt idx="2686">
                  <c:v>0.175424</c:v>
                </c:pt>
                <c:pt idx="2687">
                  <c:v>0.17537900000000001</c:v>
                </c:pt>
                <c:pt idx="2688">
                  <c:v>0.17533299999999999</c:v>
                </c:pt>
                <c:pt idx="2689">
                  <c:v>0.175287</c:v>
                </c:pt>
                <c:pt idx="2690">
                  <c:v>0.17524100000000001</c:v>
                </c:pt>
                <c:pt idx="2691">
                  <c:v>0.17519499999999999</c:v>
                </c:pt>
                <c:pt idx="2692">
                  <c:v>0.175149</c:v>
                </c:pt>
                <c:pt idx="2693">
                  <c:v>0.17510200000000001</c:v>
                </c:pt>
                <c:pt idx="2694">
                  <c:v>0.17505599999999999</c:v>
                </c:pt>
                <c:pt idx="2695">
                  <c:v>0.17501</c:v>
                </c:pt>
                <c:pt idx="2696">
                  <c:v>0.17496300000000001</c:v>
                </c:pt>
                <c:pt idx="2697">
                  <c:v>0.17491699999999999</c:v>
                </c:pt>
                <c:pt idx="2698">
                  <c:v>0.17487</c:v>
                </c:pt>
                <c:pt idx="2699">
                  <c:v>0.17482300000000001</c:v>
                </c:pt>
                <c:pt idx="2700">
                  <c:v>0.17477599999999999</c:v>
                </c:pt>
                <c:pt idx="2701">
                  <c:v>0.174729</c:v>
                </c:pt>
                <c:pt idx="2702">
                  <c:v>0.174682</c:v>
                </c:pt>
                <c:pt idx="2703">
                  <c:v>0.17463500000000001</c:v>
                </c:pt>
                <c:pt idx="2704">
                  <c:v>0.17458799999999999</c:v>
                </c:pt>
                <c:pt idx="2705">
                  <c:v>0.174541</c:v>
                </c:pt>
                <c:pt idx="2706">
                  <c:v>0.17449400000000001</c:v>
                </c:pt>
                <c:pt idx="2707">
                  <c:v>0.17444599999999999</c:v>
                </c:pt>
                <c:pt idx="2708">
                  <c:v>0.174399</c:v>
                </c:pt>
                <c:pt idx="2709">
                  <c:v>0.17435100000000001</c:v>
                </c:pt>
                <c:pt idx="2710">
                  <c:v>0.17430300000000001</c:v>
                </c:pt>
                <c:pt idx="2711">
                  <c:v>0.17425599999999999</c:v>
                </c:pt>
                <c:pt idx="2712">
                  <c:v>0.174208</c:v>
                </c:pt>
                <c:pt idx="2713">
                  <c:v>0.17416000000000001</c:v>
                </c:pt>
                <c:pt idx="2714">
                  <c:v>0.17411199999999999</c:v>
                </c:pt>
                <c:pt idx="2715">
                  <c:v>0.174064</c:v>
                </c:pt>
                <c:pt idx="2716">
                  <c:v>0.174016</c:v>
                </c:pt>
                <c:pt idx="2717">
                  <c:v>0.17396800000000001</c:v>
                </c:pt>
                <c:pt idx="2718">
                  <c:v>0.17391899999999999</c:v>
                </c:pt>
                <c:pt idx="2719">
                  <c:v>0.173871</c:v>
                </c:pt>
                <c:pt idx="2720">
                  <c:v>0.17382300000000001</c:v>
                </c:pt>
                <c:pt idx="2721">
                  <c:v>0.17377400000000001</c:v>
                </c:pt>
                <c:pt idx="2722">
                  <c:v>0.17372599999999999</c:v>
                </c:pt>
                <c:pt idx="2723">
                  <c:v>0.173677</c:v>
                </c:pt>
                <c:pt idx="2724">
                  <c:v>0.173628</c:v>
                </c:pt>
                <c:pt idx="2725">
                  <c:v>0.17357900000000001</c:v>
                </c:pt>
                <c:pt idx="2726">
                  <c:v>0.17353099999999999</c:v>
                </c:pt>
                <c:pt idx="2727">
                  <c:v>0.173482</c:v>
                </c:pt>
                <c:pt idx="2728">
                  <c:v>0.173433</c:v>
                </c:pt>
                <c:pt idx="2729">
                  <c:v>0.17338400000000001</c:v>
                </c:pt>
                <c:pt idx="2730">
                  <c:v>0.17333499999999999</c:v>
                </c:pt>
                <c:pt idx="2731">
                  <c:v>0.17328499999999999</c:v>
                </c:pt>
                <c:pt idx="2732">
                  <c:v>0.173236</c:v>
                </c:pt>
                <c:pt idx="2733">
                  <c:v>0.17318700000000001</c:v>
                </c:pt>
                <c:pt idx="2734">
                  <c:v>0.17313700000000001</c:v>
                </c:pt>
                <c:pt idx="2735">
                  <c:v>0.17308799999999999</c:v>
                </c:pt>
                <c:pt idx="2736">
                  <c:v>0.173038</c:v>
                </c:pt>
                <c:pt idx="2737">
                  <c:v>0.172989</c:v>
                </c:pt>
                <c:pt idx="2738">
                  <c:v>0.17293900000000001</c:v>
                </c:pt>
                <c:pt idx="2739">
                  <c:v>0.17288899999999999</c:v>
                </c:pt>
                <c:pt idx="2740">
                  <c:v>0.17283999999999999</c:v>
                </c:pt>
                <c:pt idx="2741">
                  <c:v>0.17279</c:v>
                </c:pt>
                <c:pt idx="2742">
                  <c:v>0.17274</c:v>
                </c:pt>
                <c:pt idx="2743">
                  <c:v>0.17269000000000001</c:v>
                </c:pt>
                <c:pt idx="2744">
                  <c:v>0.17263999999999999</c:v>
                </c:pt>
                <c:pt idx="2745">
                  <c:v>0.17258999999999999</c:v>
                </c:pt>
                <c:pt idx="2746">
                  <c:v>0.17254</c:v>
                </c:pt>
                <c:pt idx="2747">
                  <c:v>0.17249</c:v>
                </c:pt>
                <c:pt idx="2748">
                  <c:v>0.17243900000000001</c:v>
                </c:pt>
                <c:pt idx="2749">
                  <c:v>0.17238899999999999</c:v>
                </c:pt>
                <c:pt idx="2750">
                  <c:v>0.17233899999999999</c:v>
                </c:pt>
                <c:pt idx="2751">
                  <c:v>0.172288</c:v>
                </c:pt>
                <c:pt idx="2752">
                  <c:v>0.172238</c:v>
                </c:pt>
                <c:pt idx="2753">
                  <c:v>0.17218700000000001</c:v>
                </c:pt>
                <c:pt idx="2754">
                  <c:v>0.17213700000000001</c:v>
                </c:pt>
                <c:pt idx="2755">
                  <c:v>0.17208599999999999</c:v>
                </c:pt>
                <c:pt idx="2756">
                  <c:v>0.17203599999999999</c:v>
                </c:pt>
                <c:pt idx="2757">
                  <c:v>0.171985</c:v>
                </c:pt>
                <c:pt idx="2758">
                  <c:v>0.171934</c:v>
                </c:pt>
                <c:pt idx="2759">
                  <c:v>0.17188300000000001</c:v>
                </c:pt>
                <c:pt idx="2760">
                  <c:v>0.17183200000000001</c:v>
                </c:pt>
                <c:pt idx="2761">
                  <c:v>0.17178199999999999</c:v>
                </c:pt>
                <c:pt idx="2762">
                  <c:v>0.17173099999999999</c:v>
                </c:pt>
                <c:pt idx="2763">
                  <c:v>0.17168</c:v>
                </c:pt>
                <c:pt idx="2764">
                  <c:v>0.171629</c:v>
                </c:pt>
                <c:pt idx="2765">
                  <c:v>0.17157800000000001</c:v>
                </c:pt>
                <c:pt idx="2766">
                  <c:v>0.17152600000000001</c:v>
                </c:pt>
                <c:pt idx="2767">
                  <c:v>0.17147499999999999</c:v>
                </c:pt>
                <c:pt idx="2768">
                  <c:v>0.17142399999999999</c:v>
                </c:pt>
                <c:pt idx="2769">
                  <c:v>0.171373</c:v>
                </c:pt>
                <c:pt idx="2770">
                  <c:v>0.171322</c:v>
                </c:pt>
                <c:pt idx="2771">
                  <c:v>0.17127000000000001</c:v>
                </c:pt>
                <c:pt idx="2772">
                  <c:v>0.17121900000000001</c:v>
                </c:pt>
                <c:pt idx="2773">
                  <c:v>0.17116799999999999</c:v>
                </c:pt>
                <c:pt idx="2774">
                  <c:v>0.17111599999999999</c:v>
                </c:pt>
                <c:pt idx="2775">
                  <c:v>0.17106499999999999</c:v>
                </c:pt>
                <c:pt idx="2776">
                  <c:v>0.171013</c:v>
                </c:pt>
                <c:pt idx="2777">
                  <c:v>0.170962</c:v>
                </c:pt>
                <c:pt idx="2778">
                  <c:v>0.17091000000000001</c:v>
                </c:pt>
                <c:pt idx="2779">
                  <c:v>0.17085800000000001</c:v>
                </c:pt>
                <c:pt idx="2780">
                  <c:v>0.17080699999999999</c:v>
                </c:pt>
                <c:pt idx="2781">
                  <c:v>0.17075499999999999</c:v>
                </c:pt>
                <c:pt idx="2782">
                  <c:v>0.17070299999999999</c:v>
                </c:pt>
                <c:pt idx="2783">
                  <c:v>0.170652</c:v>
                </c:pt>
                <c:pt idx="2784">
                  <c:v>0.1706</c:v>
                </c:pt>
                <c:pt idx="2785">
                  <c:v>0.17054800000000001</c:v>
                </c:pt>
                <c:pt idx="2786">
                  <c:v>0.17049600000000001</c:v>
                </c:pt>
                <c:pt idx="2787">
                  <c:v>0.17044400000000001</c:v>
                </c:pt>
                <c:pt idx="2788">
                  <c:v>0.17039299999999999</c:v>
                </c:pt>
                <c:pt idx="2789">
                  <c:v>0.17034099999999999</c:v>
                </c:pt>
                <c:pt idx="2790">
                  <c:v>0.170289</c:v>
                </c:pt>
                <c:pt idx="2791">
                  <c:v>0.170237</c:v>
                </c:pt>
                <c:pt idx="2792">
                  <c:v>0.170185</c:v>
                </c:pt>
                <c:pt idx="2793">
                  <c:v>0.17013300000000001</c:v>
                </c:pt>
                <c:pt idx="2794">
                  <c:v>0.17008100000000001</c:v>
                </c:pt>
                <c:pt idx="2795">
                  <c:v>0.17002900000000001</c:v>
                </c:pt>
                <c:pt idx="2796">
                  <c:v>0.16997699999999999</c:v>
                </c:pt>
                <c:pt idx="2797">
                  <c:v>0.16992399999999999</c:v>
                </c:pt>
                <c:pt idx="2798">
                  <c:v>0.169872</c:v>
                </c:pt>
                <c:pt idx="2799">
                  <c:v>0.16982</c:v>
                </c:pt>
                <c:pt idx="2800">
                  <c:v>0.169768</c:v>
                </c:pt>
                <c:pt idx="2801">
                  <c:v>0.16971600000000001</c:v>
                </c:pt>
                <c:pt idx="2802">
                  <c:v>0.16966400000000001</c:v>
                </c:pt>
                <c:pt idx="2803">
                  <c:v>0.16961100000000001</c:v>
                </c:pt>
                <c:pt idx="2804">
                  <c:v>0.16955899999999999</c:v>
                </c:pt>
                <c:pt idx="2805">
                  <c:v>0.16950699999999999</c:v>
                </c:pt>
                <c:pt idx="2806">
                  <c:v>0.16945399999999999</c:v>
                </c:pt>
                <c:pt idx="2807">
                  <c:v>0.169402</c:v>
                </c:pt>
                <c:pt idx="2808">
                  <c:v>0.16935</c:v>
                </c:pt>
                <c:pt idx="2809">
                  <c:v>0.169298</c:v>
                </c:pt>
                <c:pt idx="2810">
                  <c:v>0.16924500000000001</c:v>
                </c:pt>
                <c:pt idx="2811">
                  <c:v>0.16919300000000001</c:v>
                </c:pt>
                <c:pt idx="2812">
                  <c:v>0.16914000000000001</c:v>
                </c:pt>
                <c:pt idx="2813">
                  <c:v>0.16908799999999999</c:v>
                </c:pt>
                <c:pt idx="2814">
                  <c:v>0.16903599999999999</c:v>
                </c:pt>
                <c:pt idx="2815">
                  <c:v>0.16898299999999999</c:v>
                </c:pt>
                <c:pt idx="2816">
                  <c:v>0.168931</c:v>
                </c:pt>
                <c:pt idx="2817">
                  <c:v>0.168878</c:v>
                </c:pt>
                <c:pt idx="2818">
                  <c:v>0.168826</c:v>
                </c:pt>
                <c:pt idx="2819">
                  <c:v>0.16877300000000001</c:v>
                </c:pt>
                <c:pt idx="2820">
                  <c:v>0.16872100000000001</c:v>
                </c:pt>
                <c:pt idx="2821">
                  <c:v>0.16866800000000001</c:v>
                </c:pt>
                <c:pt idx="2822">
                  <c:v>0.16861599999999999</c:v>
                </c:pt>
                <c:pt idx="2823">
                  <c:v>0.16856299999999999</c:v>
                </c:pt>
                <c:pt idx="2824">
                  <c:v>0.16851099999999999</c:v>
                </c:pt>
                <c:pt idx="2825">
                  <c:v>0.168458</c:v>
                </c:pt>
                <c:pt idx="2826">
                  <c:v>0.168406</c:v>
                </c:pt>
                <c:pt idx="2827">
                  <c:v>0.168353</c:v>
                </c:pt>
                <c:pt idx="2828">
                  <c:v>0.16830100000000001</c:v>
                </c:pt>
                <c:pt idx="2829">
                  <c:v>0.16824800000000001</c:v>
                </c:pt>
                <c:pt idx="2830">
                  <c:v>0.16819500000000001</c:v>
                </c:pt>
                <c:pt idx="2831">
                  <c:v>0.16814299999999999</c:v>
                </c:pt>
                <c:pt idx="2832">
                  <c:v>0.16808999999999999</c:v>
                </c:pt>
                <c:pt idx="2833">
                  <c:v>0.16803799999999999</c:v>
                </c:pt>
                <c:pt idx="2834">
                  <c:v>0.167985</c:v>
                </c:pt>
                <c:pt idx="2835">
                  <c:v>0.167932</c:v>
                </c:pt>
                <c:pt idx="2836">
                  <c:v>0.16788</c:v>
                </c:pt>
                <c:pt idx="2837">
                  <c:v>0.167827</c:v>
                </c:pt>
                <c:pt idx="2838">
                  <c:v>0.16777500000000001</c:v>
                </c:pt>
                <c:pt idx="2839">
                  <c:v>0.16772200000000001</c:v>
                </c:pt>
                <c:pt idx="2840">
                  <c:v>0.16766900000000001</c:v>
                </c:pt>
                <c:pt idx="2841">
                  <c:v>0.16761699999999999</c:v>
                </c:pt>
                <c:pt idx="2842">
                  <c:v>0.16756399999999999</c:v>
                </c:pt>
                <c:pt idx="2843">
                  <c:v>0.16751099999999999</c:v>
                </c:pt>
                <c:pt idx="2844">
                  <c:v>0.167459</c:v>
                </c:pt>
                <c:pt idx="2845">
                  <c:v>0.167406</c:v>
                </c:pt>
                <c:pt idx="2846">
                  <c:v>0.167354</c:v>
                </c:pt>
                <c:pt idx="2847">
                  <c:v>0.16730100000000001</c:v>
                </c:pt>
                <c:pt idx="2848">
                  <c:v>0.16724800000000001</c:v>
                </c:pt>
                <c:pt idx="2849">
                  <c:v>0.16719600000000001</c:v>
                </c:pt>
                <c:pt idx="2850">
                  <c:v>0.16714300000000001</c:v>
                </c:pt>
                <c:pt idx="2851">
                  <c:v>0.16708999999999999</c:v>
                </c:pt>
                <c:pt idx="2852">
                  <c:v>0.16703799999999999</c:v>
                </c:pt>
                <c:pt idx="2853">
                  <c:v>0.16698499999999999</c:v>
                </c:pt>
                <c:pt idx="2854">
                  <c:v>0.166933</c:v>
                </c:pt>
                <c:pt idx="2855">
                  <c:v>0.16688</c:v>
                </c:pt>
                <c:pt idx="2856">
                  <c:v>0.166827</c:v>
                </c:pt>
                <c:pt idx="2857">
                  <c:v>0.16677500000000001</c:v>
                </c:pt>
                <c:pt idx="2858">
                  <c:v>0.16672200000000001</c:v>
                </c:pt>
                <c:pt idx="2859">
                  <c:v>0.16666900000000001</c:v>
                </c:pt>
                <c:pt idx="2860">
                  <c:v>0.16661699999999999</c:v>
                </c:pt>
                <c:pt idx="2861">
                  <c:v>0.16656399999999999</c:v>
                </c:pt>
                <c:pt idx="2862">
                  <c:v>0.16651199999999999</c:v>
                </c:pt>
                <c:pt idx="2863">
                  <c:v>0.166459</c:v>
                </c:pt>
                <c:pt idx="2864">
                  <c:v>0.166406</c:v>
                </c:pt>
                <c:pt idx="2865">
                  <c:v>0.166354</c:v>
                </c:pt>
                <c:pt idx="2866">
                  <c:v>0.166301</c:v>
                </c:pt>
                <c:pt idx="2867">
                  <c:v>0.16624900000000001</c:v>
                </c:pt>
                <c:pt idx="2868">
                  <c:v>0.16619600000000001</c:v>
                </c:pt>
                <c:pt idx="2869">
                  <c:v>0.16614399999999999</c:v>
                </c:pt>
                <c:pt idx="2870">
                  <c:v>0.16609099999999999</c:v>
                </c:pt>
                <c:pt idx="2871">
                  <c:v>0.16603799999999999</c:v>
                </c:pt>
                <c:pt idx="2872">
                  <c:v>0.16598599999999999</c:v>
                </c:pt>
                <c:pt idx="2873">
                  <c:v>0.165933</c:v>
                </c:pt>
                <c:pt idx="2874">
                  <c:v>0.165881</c:v>
                </c:pt>
                <c:pt idx="2875">
                  <c:v>0.165828</c:v>
                </c:pt>
                <c:pt idx="2876">
                  <c:v>0.16577600000000001</c:v>
                </c:pt>
                <c:pt idx="2877">
                  <c:v>0.16572300000000001</c:v>
                </c:pt>
                <c:pt idx="2878">
                  <c:v>0.16567100000000001</c:v>
                </c:pt>
                <c:pt idx="2879">
                  <c:v>0.16561799999999999</c:v>
                </c:pt>
                <c:pt idx="2880">
                  <c:v>0.16556599999999999</c:v>
                </c:pt>
                <c:pt idx="2881">
                  <c:v>0.16551299999999999</c:v>
                </c:pt>
                <c:pt idx="2882">
                  <c:v>0.165461</c:v>
                </c:pt>
                <c:pt idx="2883">
                  <c:v>0.165408</c:v>
                </c:pt>
                <c:pt idx="2884">
                  <c:v>0.165356</c:v>
                </c:pt>
                <c:pt idx="2885">
                  <c:v>0.16530400000000001</c:v>
                </c:pt>
                <c:pt idx="2886">
                  <c:v>0.16525100000000001</c:v>
                </c:pt>
                <c:pt idx="2887">
                  <c:v>0.16519900000000001</c:v>
                </c:pt>
                <c:pt idx="2888">
                  <c:v>0.16514599999999999</c:v>
                </c:pt>
                <c:pt idx="2889">
                  <c:v>0.16509399999999999</c:v>
                </c:pt>
                <c:pt idx="2890">
                  <c:v>0.16504199999999999</c:v>
                </c:pt>
                <c:pt idx="2891">
                  <c:v>0.164989</c:v>
                </c:pt>
                <c:pt idx="2892">
                  <c:v>0.164937</c:v>
                </c:pt>
                <c:pt idx="2893">
                  <c:v>0.164885</c:v>
                </c:pt>
                <c:pt idx="2894">
                  <c:v>0.16483200000000001</c:v>
                </c:pt>
                <c:pt idx="2895">
                  <c:v>0.16478000000000001</c:v>
                </c:pt>
                <c:pt idx="2896">
                  <c:v>0.16472800000000001</c:v>
                </c:pt>
                <c:pt idx="2897">
                  <c:v>0.16467499999999999</c:v>
                </c:pt>
                <c:pt idx="2898">
                  <c:v>0.16462299999999999</c:v>
                </c:pt>
                <c:pt idx="2899">
                  <c:v>0.164571</c:v>
                </c:pt>
                <c:pt idx="2900">
                  <c:v>0.164519</c:v>
                </c:pt>
                <c:pt idx="2901">
                  <c:v>0.164466</c:v>
                </c:pt>
                <c:pt idx="2902">
                  <c:v>0.164414</c:v>
                </c:pt>
                <c:pt idx="2903">
                  <c:v>0.16436200000000001</c:v>
                </c:pt>
                <c:pt idx="2904">
                  <c:v>0.16431000000000001</c:v>
                </c:pt>
                <c:pt idx="2905">
                  <c:v>0.16425799999999999</c:v>
                </c:pt>
                <c:pt idx="2906">
                  <c:v>0.16420499999999999</c:v>
                </c:pt>
                <c:pt idx="2907">
                  <c:v>0.16415299999999999</c:v>
                </c:pt>
                <c:pt idx="2908">
                  <c:v>0.164101</c:v>
                </c:pt>
                <c:pt idx="2909">
                  <c:v>0.164049</c:v>
                </c:pt>
                <c:pt idx="2910">
                  <c:v>0.163997</c:v>
                </c:pt>
                <c:pt idx="2911">
                  <c:v>0.16394500000000001</c:v>
                </c:pt>
                <c:pt idx="2912">
                  <c:v>0.16389300000000001</c:v>
                </c:pt>
                <c:pt idx="2913">
                  <c:v>0.16384099999999999</c:v>
                </c:pt>
                <c:pt idx="2914">
                  <c:v>0.16378799999999999</c:v>
                </c:pt>
                <c:pt idx="2915">
                  <c:v>0.16373599999999999</c:v>
                </c:pt>
                <c:pt idx="2916">
                  <c:v>0.163684</c:v>
                </c:pt>
                <c:pt idx="2917">
                  <c:v>0.163632</c:v>
                </c:pt>
                <c:pt idx="2918">
                  <c:v>0.16358</c:v>
                </c:pt>
                <c:pt idx="2919">
                  <c:v>0.16352800000000001</c:v>
                </c:pt>
                <c:pt idx="2920">
                  <c:v>0.16347700000000001</c:v>
                </c:pt>
                <c:pt idx="2921">
                  <c:v>0.16342499999999999</c:v>
                </c:pt>
                <c:pt idx="2922">
                  <c:v>0.16337299999999999</c:v>
                </c:pt>
                <c:pt idx="2923">
                  <c:v>0.16332099999999999</c:v>
                </c:pt>
                <c:pt idx="2924">
                  <c:v>0.163269</c:v>
                </c:pt>
                <c:pt idx="2925">
                  <c:v>0.163217</c:v>
                </c:pt>
                <c:pt idx="2926">
                  <c:v>0.163165</c:v>
                </c:pt>
                <c:pt idx="2927">
                  <c:v>0.16311300000000001</c:v>
                </c:pt>
                <c:pt idx="2928">
                  <c:v>0.16306100000000001</c:v>
                </c:pt>
                <c:pt idx="2929">
                  <c:v>0.16300999999999999</c:v>
                </c:pt>
                <c:pt idx="2930">
                  <c:v>0.16295799999999999</c:v>
                </c:pt>
                <c:pt idx="2931">
                  <c:v>0.162906</c:v>
                </c:pt>
                <c:pt idx="2932">
                  <c:v>0.162854</c:v>
                </c:pt>
                <c:pt idx="2933">
                  <c:v>0.162803</c:v>
                </c:pt>
                <c:pt idx="2934">
                  <c:v>0.16275100000000001</c:v>
                </c:pt>
                <c:pt idx="2935">
                  <c:v>0.16269900000000001</c:v>
                </c:pt>
                <c:pt idx="2936">
                  <c:v>0.16264700000000001</c:v>
                </c:pt>
                <c:pt idx="2937">
                  <c:v>0.16259599999999999</c:v>
                </c:pt>
                <c:pt idx="2938">
                  <c:v>0.16254399999999999</c:v>
                </c:pt>
                <c:pt idx="2939">
                  <c:v>0.162493</c:v>
                </c:pt>
                <c:pt idx="2940">
                  <c:v>0.162441</c:v>
                </c:pt>
                <c:pt idx="2941">
                  <c:v>0.16238900000000001</c:v>
                </c:pt>
                <c:pt idx="2942">
                  <c:v>0.16233800000000001</c:v>
                </c:pt>
                <c:pt idx="2943">
                  <c:v>0.16228600000000001</c:v>
                </c:pt>
                <c:pt idx="2944">
                  <c:v>0.16223499999999999</c:v>
                </c:pt>
                <c:pt idx="2945">
                  <c:v>0.16218299999999999</c:v>
                </c:pt>
                <c:pt idx="2946">
                  <c:v>0.162132</c:v>
                </c:pt>
                <c:pt idx="2947">
                  <c:v>0.16208</c:v>
                </c:pt>
                <c:pt idx="2948">
                  <c:v>0.16202900000000001</c:v>
                </c:pt>
                <c:pt idx="2949">
                  <c:v>0.16197700000000001</c:v>
                </c:pt>
                <c:pt idx="2950">
                  <c:v>0.16192599999999999</c:v>
                </c:pt>
                <c:pt idx="2951">
                  <c:v>0.16187499999999999</c:v>
                </c:pt>
                <c:pt idx="2952">
                  <c:v>0.16182299999999999</c:v>
                </c:pt>
                <c:pt idx="2953">
                  <c:v>0.161772</c:v>
                </c:pt>
                <c:pt idx="2954">
                  <c:v>0.16172</c:v>
                </c:pt>
                <c:pt idx="2955">
                  <c:v>0.16166900000000001</c:v>
                </c:pt>
                <c:pt idx="2956">
                  <c:v>0.16161800000000001</c:v>
                </c:pt>
                <c:pt idx="2957">
                  <c:v>0.16156699999999999</c:v>
                </c:pt>
                <c:pt idx="2958">
                  <c:v>0.16151499999999999</c:v>
                </c:pt>
                <c:pt idx="2959">
                  <c:v>0.161464</c:v>
                </c:pt>
                <c:pt idx="2960">
                  <c:v>0.161413</c:v>
                </c:pt>
                <c:pt idx="2961">
                  <c:v>0.16136200000000001</c:v>
                </c:pt>
                <c:pt idx="2962">
                  <c:v>0.16131100000000001</c:v>
                </c:pt>
                <c:pt idx="2963">
                  <c:v>0.16125900000000001</c:v>
                </c:pt>
                <c:pt idx="2964">
                  <c:v>0.16120799999999999</c:v>
                </c:pt>
                <c:pt idx="2965">
                  <c:v>0.16115699999999999</c:v>
                </c:pt>
                <c:pt idx="2966">
                  <c:v>0.161106</c:v>
                </c:pt>
                <c:pt idx="2967">
                  <c:v>0.161055</c:v>
                </c:pt>
                <c:pt idx="2968">
                  <c:v>0.16100400000000001</c:v>
                </c:pt>
                <c:pt idx="2969">
                  <c:v>0.16095300000000001</c:v>
                </c:pt>
                <c:pt idx="2970">
                  <c:v>0.16090199999999999</c:v>
                </c:pt>
                <c:pt idx="2971">
                  <c:v>0.16085099999999999</c:v>
                </c:pt>
                <c:pt idx="2972">
                  <c:v>0.1608</c:v>
                </c:pt>
                <c:pt idx="2973">
                  <c:v>0.160749</c:v>
                </c:pt>
                <c:pt idx="2974">
                  <c:v>0.16069800000000001</c:v>
                </c:pt>
                <c:pt idx="2975">
                  <c:v>0.16064700000000001</c:v>
                </c:pt>
                <c:pt idx="2976">
                  <c:v>0.16059599999999999</c:v>
                </c:pt>
                <c:pt idx="2977">
                  <c:v>0.16054499999999999</c:v>
                </c:pt>
                <c:pt idx="2978">
                  <c:v>0.160495</c:v>
                </c:pt>
                <c:pt idx="2979">
                  <c:v>0.160444</c:v>
                </c:pt>
                <c:pt idx="2980">
                  <c:v>0.16039300000000001</c:v>
                </c:pt>
                <c:pt idx="2981">
                  <c:v>0.16034200000000001</c:v>
                </c:pt>
                <c:pt idx="2982">
                  <c:v>0.16029199999999999</c:v>
                </c:pt>
                <c:pt idx="2983">
                  <c:v>0.16024099999999999</c:v>
                </c:pt>
                <c:pt idx="2984">
                  <c:v>0.16019</c:v>
                </c:pt>
                <c:pt idx="2985">
                  <c:v>0.160139</c:v>
                </c:pt>
                <c:pt idx="2986">
                  <c:v>0.16008900000000001</c:v>
                </c:pt>
                <c:pt idx="2987">
                  <c:v>0.16003800000000001</c:v>
                </c:pt>
                <c:pt idx="2988">
                  <c:v>0.15998799999999999</c:v>
                </c:pt>
                <c:pt idx="2989">
                  <c:v>0.159937</c:v>
                </c:pt>
                <c:pt idx="2990">
                  <c:v>0.159886</c:v>
                </c:pt>
                <c:pt idx="2991">
                  <c:v>0.15983600000000001</c:v>
                </c:pt>
                <c:pt idx="2992">
                  <c:v>0.15978500000000001</c:v>
                </c:pt>
                <c:pt idx="2993">
                  <c:v>0.15973499999999999</c:v>
                </c:pt>
                <c:pt idx="2994">
                  <c:v>0.15968399999999999</c:v>
                </c:pt>
                <c:pt idx="2995">
                  <c:v>0.159634</c:v>
                </c:pt>
                <c:pt idx="2996">
                  <c:v>0.159583</c:v>
                </c:pt>
                <c:pt idx="2997">
                  <c:v>0.15953300000000001</c:v>
                </c:pt>
                <c:pt idx="2998">
                  <c:v>0.15948300000000001</c:v>
                </c:pt>
                <c:pt idx="2999">
                  <c:v>0.15943199999999999</c:v>
                </c:pt>
                <c:pt idx="3000">
                  <c:v>0.159382</c:v>
                </c:pt>
                <c:pt idx="3001">
                  <c:v>0.159332</c:v>
                </c:pt>
                <c:pt idx="3002">
                  <c:v>0.15928100000000001</c:v>
                </c:pt>
                <c:pt idx="3003">
                  <c:v>0.15923100000000001</c:v>
                </c:pt>
                <c:pt idx="3004">
                  <c:v>0.15918099999999999</c:v>
                </c:pt>
                <c:pt idx="3005">
                  <c:v>0.15913099999999999</c:v>
                </c:pt>
                <c:pt idx="3006">
                  <c:v>0.15908</c:v>
                </c:pt>
                <c:pt idx="3007">
                  <c:v>0.15903</c:v>
                </c:pt>
                <c:pt idx="3008">
                  <c:v>0.15898000000000001</c:v>
                </c:pt>
                <c:pt idx="3009">
                  <c:v>0.15892999999999999</c:v>
                </c:pt>
                <c:pt idx="3010">
                  <c:v>0.15887999999999999</c:v>
                </c:pt>
                <c:pt idx="3011">
                  <c:v>0.15883</c:v>
                </c:pt>
                <c:pt idx="3012">
                  <c:v>0.15878</c:v>
                </c:pt>
                <c:pt idx="3013">
                  <c:v>0.15873000000000001</c:v>
                </c:pt>
                <c:pt idx="3014">
                  <c:v>0.15867999999999999</c:v>
                </c:pt>
                <c:pt idx="3015">
                  <c:v>0.15862999999999999</c:v>
                </c:pt>
                <c:pt idx="3016">
                  <c:v>0.15858</c:v>
                </c:pt>
                <c:pt idx="3017">
                  <c:v>0.15853</c:v>
                </c:pt>
                <c:pt idx="3018">
                  <c:v>0.15848000000000001</c:v>
                </c:pt>
                <c:pt idx="3019">
                  <c:v>0.15842999999999999</c:v>
                </c:pt>
                <c:pt idx="3020">
                  <c:v>0.15837999999999999</c:v>
                </c:pt>
                <c:pt idx="3021">
                  <c:v>0.15833</c:v>
                </c:pt>
                <c:pt idx="3022">
                  <c:v>0.15828</c:v>
                </c:pt>
                <c:pt idx="3023">
                  <c:v>0.15823100000000001</c:v>
                </c:pt>
                <c:pt idx="3024">
                  <c:v>0.15818099999999999</c:v>
                </c:pt>
                <c:pt idx="3025">
                  <c:v>0.15813099999999999</c:v>
                </c:pt>
                <c:pt idx="3026">
                  <c:v>0.158081</c:v>
                </c:pt>
                <c:pt idx="3027">
                  <c:v>0.15803200000000001</c:v>
                </c:pt>
                <c:pt idx="3028">
                  <c:v>0.15798200000000001</c:v>
                </c:pt>
                <c:pt idx="3029">
                  <c:v>0.15793199999999999</c:v>
                </c:pt>
                <c:pt idx="3030">
                  <c:v>0.157883</c:v>
                </c:pt>
                <c:pt idx="3031">
                  <c:v>0.157833</c:v>
                </c:pt>
                <c:pt idx="3032">
                  <c:v>0.15778400000000001</c:v>
                </c:pt>
                <c:pt idx="3033">
                  <c:v>0.15773400000000001</c:v>
                </c:pt>
                <c:pt idx="3034">
                  <c:v>0.15768399999999999</c:v>
                </c:pt>
                <c:pt idx="3035">
                  <c:v>0.157635</c:v>
                </c:pt>
                <c:pt idx="3036">
                  <c:v>0.157585</c:v>
                </c:pt>
                <c:pt idx="3037">
                  <c:v>0.15753600000000001</c:v>
                </c:pt>
                <c:pt idx="3038">
                  <c:v>0.15748699999999999</c:v>
                </c:pt>
                <c:pt idx="3039">
                  <c:v>0.15743699999999999</c:v>
                </c:pt>
                <c:pt idx="3040">
                  <c:v>0.157388</c:v>
                </c:pt>
                <c:pt idx="3041">
                  <c:v>0.15733800000000001</c:v>
                </c:pt>
                <c:pt idx="3042">
                  <c:v>0.15728900000000001</c:v>
                </c:pt>
                <c:pt idx="3043">
                  <c:v>0.15723999999999999</c:v>
                </c:pt>
                <c:pt idx="3044">
                  <c:v>0.157191</c:v>
                </c:pt>
                <c:pt idx="3045">
                  <c:v>0.157141</c:v>
                </c:pt>
                <c:pt idx="3046">
                  <c:v>0.15709200000000001</c:v>
                </c:pt>
                <c:pt idx="3047">
                  <c:v>0.15704299999999999</c:v>
                </c:pt>
                <c:pt idx="3048">
                  <c:v>0.15699399999999999</c:v>
                </c:pt>
                <c:pt idx="3049">
                  <c:v>0.156944</c:v>
                </c:pt>
                <c:pt idx="3050">
                  <c:v>0.15689500000000001</c:v>
                </c:pt>
                <c:pt idx="3051">
                  <c:v>0.15684600000000001</c:v>
                </c:pt>
                <c:pt idx="3052">
                  <c:v>0.15679699999999999</c:v>
                </c:pt>
                <c:pt idx="3053">
                  <c:v>0.156748</c:v>
                </c:pt>
                <c:pt idx="3054">
                  <c:v>0.156699</c:v>
                </c:pt>
                <c:pt idx="3055">
                  <c:v>0.15665000000000001</c:v>
                </c:pt>
                <c:pt idx="3056">
                  <c:v>0.15660099999999999</c:v>
                </c:pt>
                <c:pt idx="3057">
                  <c:v>0.156552</c:v>
                </c:pt>
                <c:pt idx="3058">
                  <c:v>0.156503</c:v>
                </c:pt>
                <c:pt idx="3059">
                  <c:v>0.15645400000000001</c:v>
                </c:pt>
                <c:pt idx="3060">
                  <c:v>0.15640499999999999</c:v>
                </c:pt>
                <c:pt idx="3061">
                  <c:v>0.15635599999999999</c:v>
                </c:pt>
                <c:pt idx="3062">
                  <c:v>0.156308</c:v>
                </c:pt>
                <c:pt idx="3063">
                  <c:v>0.15625900000000001</c:v>
                </c:pt>
                <c:pt idx="3064">
                  <c:v>0.15620999999999999</c:v>
                </c:pt>
                <c:pt idx="3065">
                  <c:v>0.15616099999999999</c:v>
                </c:pt>
                <c:pt idx="3066">
                  <c:v>0.156112</c:v>
                </c:pt>
                <c:pt idx="3067">
                  <c:v>0.15606400000000001</c:v>
                </c:pt>
                <c:pt idx="3068">
                  <c:v>0.15601499999999999</c:v>
                </c:pt>
                <c:pt idx="3069">
                  <c:v>0.15596599999999999</c:v>
                </c:pt>
                <c:pt idx="3070">
                  <c:v>0.155918</c:v>
                </c:pt>
                <c:pt idx="3071">
                  <c:v>0.15586900000000001</c:v>
                </c:pt>
                <c:pt idx="3072">
                  <c:v>0.15582099999999999</c:v>
                </c:pt>
                <c:pt idx="3073">
                  <c:v>0.15577199999999999</c:v>
                </c:pt>
                <c:pt idx="3074">
                  <c:v>0.155723</c:v>
                </c:pt>
                <c:pt idx="3075">
                  <c:v>0.15567500000000001</c:v>
                </c:pt>
                <c:pt idx="3076">
                  <c:v>0.15562599999999999</c:v>
                </c:pt>
                <c:pt idx="3077">
                  <c:v>0.15557799999999999</c:v>
                </c:pt>
                <c:pt idx="3078">
                  <c:v>0.155529</c:v>
                </c:pt>
                <c:pt idx="3079">
                  <c:v>0.15548100000000001</c:v>
                </c:pt>
                <c:pt idx="3080">
                  <c:v>0.15543299999999999</c:v>
                </c:pt>
                <c:pt idx="3081">
                  <c:v>0.15538399999999999</c:v>
                </c:pt>
                <c:pt idx="3082">
                  <c:v>0.155336</c:v>
                </c:pt>
                <c:pt idx="3083">
                  <c:v>0.15528800000000001</c:v>
                </c:pt>
                <c:pt idx="3084">
                  <c:v>0.15523899999999999</c:v>
                </c:pt>
                <c:pt idx="3085">
                  <c:v>0.155191</c:v>
                </c:pt>
                <c:pt idx="3086">
                  <c:v>0.155143</c:v>
                </c:pt>
                <c:pt idx="3087">
                  <c:v>0.15509500000000001</c:v>
                </c:pt>
                <c:pt idx="3088">
                  <c:v>0.15504599999999999</c:v>
                </c:pt>
                <c:pt idx="3089">
                  <c:v>0.154998</c:v>
                </c:pt>
                <c:pt idx="3090">
                  <c:v>0.15495</c:v>
                </c:pt>
                <c:pt idx="3091">
                  <c:v>0.15490200000000001</c:v>
                </c:pt>
                <c:pt idx="3092">
                  <c:v>0.15485399999999999</c:v>
                </c:pt>
                <c:pt idx="3093">
                  <c:v>0.154806</c:v>
                </c:pt>
                <c:pt idx="3094">
                  <c:v>0.15475800000000001</c:v>
                </c:pt>
                <c:pt idx="3095">
                  <c:v>0.15470999999999999</c:v>
                </c:pt>
                <c:pt idx="3096">
                  <c:v>0.15466199999999999</c:v>
                </c:pt>
                <c:pt idx="3097">
                  <c:v>0.154614</c:v>
                </c:pt>
                <c:pt idx="3098">
                  <c:v>0.15456600000000001</c:v>
                </c:pt>
                <c:pt idx="3099">
                  <c:v>0.15451799999999999</c:v>
                </c:pt>
                <c:pt idx="3100">
                  <c:v>0.15447</c:v>
                </c:pt>
                <c:pt idx="3101">
                  <c:v>0.154422</c:v>
                </c:pt>
                <c:pt idx="3102">
                  <c:v>0.15437400000000001</c:v>
                </c:pt>
                <c:pt idx="3103">
                  <c:v>0.15432699999999999</c:v>
                </c:pt>
                <c:pt idx="3104">
                  <c:v>0.154279</c:v>
                </c:pt>
                <c:pt idx="3105">
                  <c:v>0.15423100000000001</c:v>
                </c:pt>
                <c:pt idx="3106">
                  <c:v>0.15418299999999999</c:v>
                </c:pt>
                <c:pt idx="3107">
                  <c:v>0.154136</c:v>
                </c:pt>
                <c:pt idx="3108">
                  <c:v>0.154088</c:v>
                </c:pt>
                <c:pt idx="3109">
                  <c:v>0.15404000000000001</c:v>
                </c:pt>
                <c:pt idx="3110">
                  <c:v>0.15399299999999999</c:v>
                </c:pt>
                <c:pt idx="3111">
                  <c:v>0.153945</c:v>
                </c:pt>
                <c:pt idx="3112">
                  <c:v>0.15389700000000001</c:v>
                </c:pt>
                <c:pt idx="3113">
                  <c:v>0.15384999999999999</c:v>
                </c:pt>
                <c:pt idx="3114">
                  <c:v>0.15380199999999999</c:v>
                </c:pt>
                <c:pt idx="3115">
                  <c:v>0.153755</c:v>
                </c:pt>
                <c:pt idx="3116">
                  <c:v>0.15370700000000001</c:v>
                </c:pt>
                <c:pt idx="3117">
                  <c:v>0.15365999999999999</c:v>
                </c:pt>
                <c:pt idx="3118">
                  <c:v>0.153613</c:v>
                </c:pt>
                <c:pt idx="3119">
                  <c:v>0.15356500000000001</c:v>
                </c:pt>
                <c:pt idx="3120">
                  <c:v>0.15351799999999999</c:v>
                </c:pt>
                <c:pt idx="3121">
                  <c:v>0.15347</c:v>
                </c:pt>
                <c:pt idx="3122">
                  <c:v>0.153423</c:v>
                </c:pt>
                <c:pt idx="3123">
                  <c:v>0.15337600000000001</c:v>
                </c:pt>
                <c:pt idx="3124">
                  <c:v>0.15332799999999999</c:v>
                </c:pt>
                <c:pt idx="3125">
                  <c:v>0.153281</c:v>
                </c:pt>
                <c:pt idx="3126">
                  <c:v>0.15323400000000001</c:v>
                </c:pt>
                <c:pt idx="3127">
                  <c:v>0.15318699999999999</c:v>
                </c:pt>
                <c:pt idx="3128">
                  <c:v>0.15314</c:v>
                </c:pt>
                <c:pt idx="3129">
                  <c:v>0.15309200000000001</c:v>
                </c:pt>
                <c:pt idx="3130">
                  <c:v>0.15304499999999999</c:v>
                </c:pt>
                <c:pt idx="3131">
                  <c:v>0.152998</c:v>
                </c:pt>
                <c:pt idx="3132">
                  <c:v>0.152951</c:v>
                </c:pt>
                <c:pt idx="3133">
                  <c:v>0.15290400000000001</c:v>
                </c:pt>
                <c:pt idx="3134">
                  <c:v>0.15285699999999999</c:v>
                </c:pt>
                <c:pt idx="3135">
                  <c:v>0.15281</c:v>
                </c:pt>
                <c:pt idx="3136">
                  <c:v>0.15276300000000001</c:v>
                </c:pt>
                <c:pt idx="3137">
                  <c:v>0.15271599999999999</c:v>
                </c:pt>
                <c:pt idx="3138">
                  <c:v>0.152669</c:v>
                </c:pt>
                <c:pt idx="3139">
                  <c:v>0.15262200000000001</c:v>
                </c:pt>
                <c:pt idx="3140">
                  <c:v>0.15257499999999999</c:v>
                </c:pt>
                <c:pt idx="3141">
                  <c:v>0.152529</c:v>
                </c:pt>
                <c:pt idx="3142">
                  <c:v>0.15248200000000001</c:v>
                </c:pt>
                <c:pt idx="3143">
                  <c:v>0.15243499999999999</c:v>
                </c:pt>
                <c:pt idx="3144">
                  <c:v>0.152388</c:v>
                </c:pt>
                <c:pt idx="3145">
                  <c:v>0.152341</c:v>
                </c:pt>
                <c:pt idx="3146">
                  <c:v>0.15229500000000001</c:v>
                </c:pt>
                <c:pt idx="3147">
                  <c:v>0.15224799999999999</c:v>
                </c:pt>
                <c:pt idx="3148">
                  <c:v>0.152201</c:v>
                </c:pt>
                <c:pt idx="3149">
                  <c:v>0.15215500000000001</c:v>
                </c:pt>
                <c:pt idx="3150">
                  <c:v>0.15210799999999999</c:v>
                </c:pt>
                <c:pt idx="3151">
                  <c:v>0.152062</c:v>
                </c:pt>
                <c:pt idx="3152">
                  <c:v>0.15201500000000001</c:v>
                </c:pt>
                <c:pt idx="3153">
                  <c:v>0.15196799999999999</c:v>
                </c:pt>
                <c:pt idx="3154">
                  <c:v>0.151922</c:v>
                </c:pt>
                <c:pt idx="3155">
                  <c:v>0.15187500000000001</c:v>
                </c:pt>
                <c:pt idx="3156">
                  <c:v>0.15182899999999999</c:v>
                </c:pt>
                <c:pt idx="3157">
                  <c:v>0.151782</c:v>
                </c:pt>
                <c:pt idx="3158">
                  <c:v>0.15173600000000001</c:v>
                </c:pt>
                <c:pt idx="3159">
                  <c:v>0.15168999999999999</c:v>
                </c:pt>
                <c:pt idx="3160">
                  <c:v>0.151643</c:v>
                </c:pt>
                <c:pt idx="3161">
                  <c:v>0.15159700000000001</c:v>
                </c:pt>
                <c:pt idx="3162">
                  <c:v>0.15155099999999999</c:v>
                </c:pt>
                <c:pt idx="3163">
                  <c:v>0.151504</c:v>
                </c:pt>
                <c:pt idx="3164">
                  <c:v>0.15145800000000001</c:v>
                </c:pt>
                <c:pt idx="3165">
                  <c:v>0.15141199999999999</c:v>
                </c:pt>
                <c:pt idx="3166">
                  <c:v>0.151366</c:v>
                </c:pt>
                <c:pt idx="3167">
                  <c:v>0.15131900000000001</c:v>
                </c:pt>
                <c:pt idx="3168">
                  <c:v>0.15127299999999999</c:v>
                </c:pt>
                <c:pt idx="3169">
                  <c:v>0.151227</c:v>
                </c:pt>
                <c:pt idx="3170">
                  <c:v>0.15118100000000001</c:v>
                </c:pt>
                <c:pt idx="3171">
                  <c:v>0.15113499999999999</c:v>
                </c:pt>
                <c:pt idx="3172">
                  <c:v>0.151089</c:v>
                </c:pt>
                <c:pt idx="3173">
                  <c:v>0.15104300000000001</c:v>
                </c:pt>
                <c:pt idx="3174">
                  <c:v>0.15099699999999999</c:v>
                </c:pt>
                <c:pt idx="3175">
                  <c:v>0.150951</c:v>
                </c:pt>
                <c:pt idx="3176">
                  <c:v>0.15090500000000001</c:v>
                </c:pt>
                <c:pt idx="3177">
                  <c:v>0.15085899999999999</c:v>
                </c:pt>
                <c:pt idx="3178">
                  <c:v>0.150813</c:v>
                </c:pt>
                <c:pt idx="3179">
                  <c:v>0.15076700000000001</c:v>
                </c:pt>
                <c:pt idx="3180">
                  <c:v>0.15072099999999999</c:v>
                </c:pt>
                <c:pt idx="3181">
                  <c:v>0.150675</c:v>
                </c:pt>
                <c:pt idx="3182">
                  <c:v>0.15062999999999999</c:v>
                </c:pt>
                <c:pt idx="3183">
                  <c:v>0.150584</c:v>
                </c:pt>
                <c:pt idx="3184">
                  <c:v>0.15053800000000001</c:v>
                </c:pt>
                <c:pt idx="3185">
                  <c:v>0.15049199999999999</c:v>
                </c:pt>
                <c:pt idx="3186">
                  <c:v>0.150447</c:v>
                </c:pt>
                <c:pt idx="3187">
                  <c:v>0.15040100000000001</c:v>
                </c:pt>
                <c:pt idx="3188">
                  <c:v>0.15035499999999999</c:v>
                </c:pt>
                <c:pt idx="3189">
                  <c:v>0.15031</c:v>
                </c:pt>
                <c:pt idx="3190">
                  <c:v>0.15026400000000001</c:v>
                </c:pt>
                <c:pt idx="3191">
                  <c:v>0.15021799999999999</c:v>
                </c:pt>
                <c:pt idx="3192">
                  <c:v>0.150173</c:v>
                </c:pt>
                <c:pt idx="3193">
                  <c:v>0.15012700000000001</c:v>
                </c:pt>
                <c:pt idx="3194">
                  <c:v>0.15008199999999999</c:v>
                </c:pt>
                <c:pt idx="3195">
                  <c:v>0.150036</c:v>
                </c:pt>
                <c:pt idx="3196">
                  <c:v>0.14999100000000001</c:v>
                </c:pt>
                <c:pt idx="3197">
                  <c:v>0.14994499999999999</c:v>
                </c:pt>
                <c:pt idx="3198">
                  <c:v>0.14990000000000001</c:v>
                </c:pt>
                <c:pt idx="3199">
                  <c:v>0.14985499999999999</c:v>
                </c:pt>
                <c:pt idx="3200">
                  <c:v>0.149809</c:v>
                </c:pt>
                <c:pt idx="3201">
                  <c:v>0.14976400000000001</c:v>
                </c:pt>
                <c:pt idx="3202">
                  <c:v>0.14971899999999999</c:v>
                </c:pt>
                <c:pt idx="3203">
                  <c:v>0.149673</c:v>
                </c:pt>
                <c:pt idx="3204">
                  <c:v>0.14962800000000001</c:v>
                </c:pt>
                <c:pt idx="3205">
                  <c:v>0.14958299999999999</c:v>
                </c:pt>
                <c:pt idx="3206">
                  <c:v>0.149538</c:v>
                </c:pt>
                <c:pt idx="3207">
                  <c:v>0.14949200000000001</c:v>
                </c:pt>
                <c:pt idx="3208">
                  <c:v>0.149447</c:v>
                </c:pt>
                <c:pt idx="3209">
                  <c:v>0.14940200000000001</c:v>
                </c:pt>
                <c:pt idx="3210">
                  <c:v>0.14935699999999999</c:v>
                </c:pt>
                <c:pt idx="3211">
                  <c:v>0.149312</c:v>
                </c:pt>
                <c:pt idx="3212">
                  <c:v>0.14926700000000001</c:v>
                </c:pt>
                <c:pt idx="3213">
                  <c:v>0.14922199999999999</c:v>
                </c:pt>
                <c:pt idx="3214">
                  <c:v>0.149177</c:v>
                </c:pt>
                <c:pt idx="3215">
                  <c:v>0.14913199999999999</c:v>
                </c:pt>
                <c:pt idx="3216">
                  <c:v>0.149087</c:v>
                </c:pt>
                <c:pt idx="3217">
                  <c:v>0.14904200000000001</c:v>
                </c:pt>
                <c:pt idx="3218">
                  <c:v>0.14899699999999999</c:v>
                </c:pt>
                <c:pt idx="3219">
                  <c:v>0.148952</c:v>
                </c:pt>
                <c:pt idx="3220">
                  <c:v>0.14890700000000001</c:v>
                </c:pt>
                <c:pt idx="3221">
                  <c:v>0.14886199999999999</c:v>
                </c:pt>
                <c:pt idx="3222">
                  <c:v>0.14881800000000001</c:v>
                </c:pt>
                <c:pt idx="3223">
                  <c:v>0.14877299999999999</c:v>
                </c:pt>
                <c:pt idx="3224">
                  <c:v>0.148728</c:v>
                </c:pt>
                <c:pt idx="3225">
                  <c:v>0.14868300000000001</c:v>
                </c:pt>
                <c:pt idx="3226">
                  <c:v>0.14863899999999999</c:v>
                </c:pt>
                <c:pt idx="3227">
                  <c:v>0.148594</c:v>
                </c:pt>
                <c:pt idx="3228">
                  <c:v>0.14854899999999999</c:v>
                </c:pt>
                <c:pt idx="3229">
                  <c:v>0.148505</c:v>
                </c:pt>
                <c:pt idx="3230">
                  <c:v>0.14846000000000001</c:v>
                </c:pt>
                <c:pt idx="3231">
                  <c:v>0.14841499999999999</c:v>
                </c:pt>
                <c:pt idx="3232">
                  <c:v>0.148371</c:v>
                </c:pt>
                <c:pt idx="3233">
                  <c:v>0.14832600000000001</c:v>
                </c:pt>
                <c:pt idx="3234">
                  <c:v>0.148282</c:v>
                </c:pt>
                <c:pt idx="3235">
                  <c:v>0.14823700000000001</c:v>
                </c:pt>
                <c:pt idx="3236">
                  <c:v>0.14819299999999999</c:v>
                </c:pt>
                <c:pt idx="3237">
                  <c:v>0.148148</c:v>
                </c:pt>
                <c:pt idx="3238">
                  <c:v>0.14810400000000001</c:v>
                </c:pt>
                <c:pt idx="3239">
                  <c:v>0.14806</c:v>
                </c:pt>
                <c:pt idx="3240">
                  <c:v>0.14801500000000001</c:v>
                </c:pt>
                <c:pt idx="3241">
                  <c:v>0.14797099999999999</c:v>
                </c:pt>
                <c:pt idx="3242">
                  <c:v>0.147927</c:v>
                </c:pt>
                <c:pt idx="3243">
                  <c:v>0.14788200000000001</c:v>
                </c:pt>
                <c:pt idx="3244">
                  <c:v>0.147838</c:v>
                </c:pt>
                <c:pt idx="3245">
                  <c:v>0.14779400000000001</c:v>
                </c:pt>
                <c:pt idx="3246">
                  <c:v>0.14774899999999999</c:v>
                </c:pt>
                <c:pt idx="3247">
                  <c:v>0.147705</c:v>
                </c:pt>
                <c:pt idx="3248">
                  <c:v>0.14766099999999999</c:v>
                </c:pt>
                <c:pt idx="3249">
                  <c:v>0.147617</c:v>
                </c:pt>
                <c:pt idx="3250">
                  <c:v>0.14757300000000001</c:v>
                </c:pt>
                <c:pt idx="3251">
                  <c:v>0.14752899999999999</c:v>
                </c:pt>
                <c:pt idx="3252">
                  <c:v>0.147485</c:v>
                </c:pt>
                <c:pt idx="3253">
                  <c:v>0.14744099999999999</c:v>
                </c:pt>
                <c:pt idx="3254">
                  <c:v>0.147397</c:v>
                </c:pt>
                <c:pt idx="3255">
                  <c:v>0.14735300000000001</c:v>
                </c:pt>
                <c:pt idx="3256">
                  <c:v>0.147309</c:v>
                </c:pt>
                <c:pt idx="3257">
                  <c:v>0.14726500000000001</c:v>
                </c:pt>
                <c:pt idx="3258">
                  <c:v>0.14722099999999999</c:v>
                </c:pt>
                <c:pt idx="3259">
                  <c:v>0.147177</c:v>
                </c:pt>
                <c:pt idx="3260">
                  <c:v>0.14713300000000001</c:v>
                </c:pt>
                <c:pt idx="3261">
                  <c:v>0.147089</c:v>
                </c:pt>
                <c:pt idx="3262">
                  <c:v>0.14704500000000001</c:v>
                </c:pt>
                <c:pt idx="3263">
                  <c:v>0.14700099999999999</c:v>
                </c:pt>
                <c:pt idx="3264">
                  <c:v>0.14695800000000001</c:v>
                </c:pt>
                <c:pt idx="3265">
                  <c:v>0.14691399999999999</c:v>
                </c:pt>
                <c:pt idx="3266">
                  <c:v>0.14687</c:v>
                </c:pt>
                <c:pt idx="3267">
                  <c:v>0.14682600000000001</c:v>
                </c:pt>
                <c:pt idx="3268">
                  <c:v>0.146783</c:v>
                </c:pt>
                <c:pt idx="3269">
                  <c:v>0.14673900000000001</c:v>
                </c:pt>
                <c:pt idx="3270">
                  <c:v>0.14669499999999999</c:v>
                </c:pt>
                <c:pt idx="3271">
                  <c:v>0.146652</c:v>
                </c:pt>
                <c:pt idx="3272">
                  <c:v>0.14660799999999999</c:v>
                </c:pt>
                <c:pt idx="3273">
                  <c:v>0.146565</c:v>
                </c:pt>
                <c:pt idx="3274">
                  <c:v>0.14652100000000001</c:v>
                </c:pt>
                <c:pt idx="3275">
                  <c:v>0.146478</c:v>
                </c:pt>
                <c:pt idx="3276">
                  <c:v>0.14643400000000001</c:v>
                </c:pt>
                <c:pt idx="3277">
                  <c:v>0.14639099999999999</c:v>
                </c:pt>
                <c:pt idx="3278">
                  <c:v>0.146347</c:v>
                </c:pt>
                <c:pt idx="3279">
                  <c:v>0.14630399999999999</c:v>
                </c:pt>
                <c:pt idx="3280">
                  <c:v>0.14626</c:v>
                </c:pt>
                <c:pt idx="3281">
                  <c:v>0.14621700000000001</c:v>
                </c:pt>
                <c:pt idx="3282">
                  <c:v>0.146174</c:v>
                </c:pt>
                <c:pt idx="3283">
                  <c:v>0.14613000000000001</c:v>
                </c:pt>
                <c:pt idx="3284">
                  <c:v>0.14608699999999999</c:v>
                </c:pt>
                <c:pt idx="3285">
                  <c:v>0.14604400000000001</c:v>
                </c:pt>
                <c:pt idx="3286">
                  <c:v>0.14600099999999999</c:v>
                </c:pt>
                <c:pt idx="3287">
                  <c:v>0.145957</c:v>
                </c:pt>
                <c:pt idx="3288">
                  <c:v>0.14591399999999999</c:v>
                </c:pt>
                <c:pt idx="3289">
                  <c:v>0.145871</c:v>
                </c:pt>
                <c:pt idx="3290">
                  <c:v>0.14582800000000001</c:v>
                </c:pt>
                <c:pt idx="3291">
                  <c:v>0.145785</c:v>
                </c:pt>
                <c:pt idx="3292">
                  <c:v>0.14574200000000001</c:v>
                </c:pt>
                <c:pt idx="3293">
                  <c:v>0.14569799999999999</c:v>
                </c:pt>
                <c:pt idx="3294">
                  <c:v>0.14565500000000001</c:v>
                </c:pt>
                <c:pt idx="3295">
                  <c:v>0.14561199999999999</c:v>
                </c:pt>
                <c:pt idx="3296">
                  <c:v>0.145569</c:v>
                </c:pt>
                <c:pt idx="3297">
                  <c:v>0.14552599999999999</c:v>
                </c:pt>
                <c:pt idx="3298">
                  <c:v>0.145483</c:v>
                </c:pt>
                <c:pt idx="3299">
                  <c:v>0.14544000000000001</c:v>
                </c:pt>
                <c:pt idx="3300">
                  <c:v>0.145398</c:v>
                </c:pt>
                <c:pt idx="3301">
                  <c:v>0.14535500000000001</c:v>
                </c:pt>
                <c:pt idx="3302">
                  <c:v>0.145312</c:v>
                </c:pt>
                <c:pt idx="3303">
                  <c:v>0.14526900000000001</c:v>
                </c:pt>
                <c:pt idx="3304">
                  <c:v>0.14522599999999999</c:v>
                </c:pt>
                <c:pt idx="3305">
                  <c:v>0.14518300000000001</c:v>
                </c:pt>
                <c:pt idx="3306">
                  <c:v>0.14514099999999999</c:v>
                </c:pt>
                <c:pt idx="3307">
                  <c:v>0.145098</c:v>
                </c:pt>
                <c:pt idx="3308">
                  <c:v>0.14505499999999999</c:v>
                </c:pt>
                <c:pt idx="3309">
                  <c:v>0.145012</c:v>
                </c:pt>
                <c:pt idx="3310">
                  <c:v>0.14496999999999999</c:v>
                </c:pt>
                <c:pt idx="3311">
                  <c:v>0.144927</c:v>
                </c:pt>
                <c:pt idx="3312">
                  <c:v>0.14488400000000001</c:v>
                </c:pt>
                <c:pt idx="3313">
                  <c:v>0.144842</c:v>
                </c:pt>
                <c:pt idx="3314">
                  <c:v>0.14479900000000001</c:v>
                </c:pt>
                <c:pt idx="3315">
                  <c:v>0.144757</c:v>
                </c:pt>
                <c:pt idx="3316">
                  <c:v>0.14471400000000001</c:v>
                </c:pt>
                <c:pt idx="3317">
                  <c:v>0.144672</c:v>
                </c:pt>
                <c:pt idx="3318">
                  <c:v>0.14462900000000001</c:v>
                </c:pt>
                <c:pt idx="3319">
                  <c:v>0.14458699999999999</c:v>
                </c:pt>
                <c:pt idx="3320">
                  <c:v>0.14454400000000001</c:v>
                </c:pt>
                <c:pt idx="3321">
                  <c:v>0.14450199999999999</c:v>
                </c:pt>
                <c:pt idx="3322">
                  <c:v>0.144459</c:v>
                </c:pt>
                <c:pt idx="3323">
                  <c:v>0.14441699999999999</c:v>
                </c:pt>
                <c:pt idx="3324">
                  <c:v>0.144375</c:v>
                </c:pt>
                <c:pt idx="3325">
                  <c:v>0.14433199999999999</c:v>
                </c:pt>
                <c:pt idx="3326">
                  <c:v>0.14429</c:v>
                </c:pt>
                <c:pt idx="3327">
                  <c:v>0.14424799999999999</c:v>
                </c:pt>
                <c:pt idx="3328">
                  <c:v>0.144205</c:v>
                </c:pt>
                <c:pt idx="3329">
                  <c:v>0.14416300000000001</c:v>
                </c:pt>
                <c:pt idx="3330">
                  <c:v>0.144121</c:v>
                </c:pt>
                <c:pt idx="3331">
                  <c:v>0.14407900000000001</c:v>
                </c:pt>
                <c:pt idx="3332">
                  <c:v>0.144037</c:v>
                </c:pt>
                <c:pt idx="3333">
                  <c:v>0.14399500000000001</c:v>
                </c:pt>
                <c:pt idx="3334">
                  <c:v>0.143952</c:v>
                </c:pt>
                <c:pt idx="3335">
                  <c:v>0.14391000000000001</c:v>
                </c:pt>
                <c:pt idx="3336">
                  <c:v>0.143868</c:v>
                </c:pt>
                <c:pt idx="3337">
                  <c:v>0.14382600000000001</c:v>
                </c:pt>
                <c:pt idx="3338">
                  <c:v>0.143784</c:v>
                </c:pt>
                <c:pt idx="3339">
                  <c:v>0.14374200000000001</c:v>
                </c:pt>
                <c:pt idx="3340">
                  <c:v>0.14369999999999999</c:v>
                </c:pt>
                <c:pt idx="3341">
                  <c:v>0.14365800000000001</c:v>
                </c:pt>
                <c:pt idx="3342">
                  <c:v>0.14361599999999999</c:v>
                </c:pt>
                <c:pt idx="3343">
                  <c:v>0.14357400000000001</c:v>
                </c:pt>
                <c:pt idx="3344">
                  <c:v>0.14353299999999999</c:v>
                </c:pt>
                <c:pt idx="3345">
                  <c:v>0.14349100000000001</c:v>
                </c:pt>
                <c:pt idx="3346">
                  <c:v>0.14344899999999999</c:v>
                </c:pt>
                <c:pt idx="3347">
                  <c:v>0.14340700000000001</c:v>
                </c:pt>
                <c:pt idx="3348">
                  <c:v>0.14336499999999999</c:v>
                </c:pt>
                <c:pt idx="3349">
                  <c:v>0.14332300000000001</c:v>
                </c:pt>
                <c:pt idx="3350">
                  <c:v>0.14328199999999999</c:v>
                </c:pt>
                <c:pt idx="3351">
                  <c:v>0.14324000000000001</c:v>
                </c:pt>
                <c:pt idx="3352">
                  <c:v>0.14319799999999999</c:v>
                </c:pt>
                <c:pt idx="3353">
                  <c:v>0.14315700000000001</c:v>
                </c:pt>
                <c:pt idx="3354">
                  <c:v>0.14311499999999999</c:v>
                </c:pt>
                <c:pt idx="3355">
                  <c:v>0.14307300000000001</c:v>
                </c:pt>
                <c:pt idx="3356">
                  <c:v>0.14303199999999999</c:v>
                </c:pt>
                <c:pt idx="3357">
                  <c:v>0.14299000000000001</c:v>
                </c:pt>
                <c:pt idx="3358">
                  <c:v>0.14294899999999999</c:v>
                </c:pt>
                <c:pt idx="3359">
                  <c:v>0.14290700000000001</c:v>
                </c:pt>
                <c:pt idx="3360">
                  <c:v>0.14286599999999999</c:v>
                </c:pt>
                <c:pt idx="3361">
                  <c:v>0.14282400000000001</c:v>
                </c:pt>
                <c:pt idx="3362">
                  <c:v>0.14278299999999999</c:v>
                </c:pt>
                <c:pt idx="3363">
                  <c:v>0.14274100000000001</c:v>
                </c:pt>
                <c:pt idx="3364">
                  <c:v>0.14269999999999999</c:v>
                </c:pt>
                <c:pt idx="3365">
                  <c:v>0.14265800000000001</c:v>
                </c:pt>
                <c:pt idx="3366">
                  <c:v>0.14261699999999999</c:v>
                </c:pt>
                <c:pt idx="3367">
                  <c:v>0.14257600000000001</c:v>
                </c:pt>
                <c:pt idx="3368">
                  <c:v>0.14253399999999999</c:v>
                </c:pt>
                <c:pt idx="3369">
                  <c:v>0.14249300000000001</c:v>
                </c:pt>
                <c:pt idx="3370">
                  <c:v>0.142452</c:v>
                </c:pt>
                <c:pt idx="3371">
                  <c:v>0.14241000000000001</c:v>
                </c:pt>
                <c:pt idx="3372">
                  <c:v>0.142369</c:v>
                </c:pt>
                <c:pt idx="3373">
                  <c:v>0.14232800000000001</c:v>
                </c:pt>
                <c:pt idx="3374">
                  <c:v>0.142287</c:v>
                </c:pt>
                <c:pt idx="3375">
                  <c:v>0.14224600000000001</c:v>
                </c:pt>
                <c:pt idx="3376">
                  <c:v>0.142204</c:v>
                </c:pt>
                <c:pt idx="3377">
                  <c:v>0.14216300000000001</c:v>
                </c:pt>
                <c:pt idx="3378">
                  <c:v>0.142122</c:v>
                </c:pt>
                <c:pt idx="3379">
                  <c:v>0.14208100000000001</c:v>
                </c:pt>
                <c:pt idx="3380">
                  <c:v>0.14204</c:v>
                </c:pt>
                <c:pt idx="3381">
                  <c:v>0.14199899999999999</c:v>
                </c:pt>
                <c:pt idx="3382">
                  <c:v>0.141958</c:v>
                </c:pt>
                <c:pt idx="3383">
                  <c:v>0.14191699999999999</c:v>
                </c:pt>
                <c:pt idx="3384">
                  <c:v>0.141876</c:v>
                </c:pt>
                <c:pt idx="3385">
                  <c:v>0.14183499999999999</c:v>
                </c:pt>
                <c:pt idx="3386">
                  <c:v>0.141794</c:v>
                </c:pt>
                <c:pt idx="3387">
                  <c:v>0.14175299999999999</c:v>
                </c:pt>
                <c:pt idx="3388">
                  <c:v>0.141712</c:v>
                </c:pt>
                <c:pt idx="3389">
                  <c:v>0.14167199999999999</c:v>
                </c:pt>
                <c:pt idx="3390">
                  <c:v>0.14163100000000001</c:v>
                </c:pt>
                <c:pt idx="3391">
                  <c:v>0.14158999999999999</c:v>
                </c:pt>
                <c:pt idx="3392">
                  <c:v>0.14154900000000001</c:v>
                </c:pt>
                <c:pt idx="3393">
                  <c:v>0.14150799999999999</c:v>
                </c:pt>
                <c:pt idx="3394">
                  <c:v>0.14146800000000001</c:v>
                </c:pt>
                <c:pt idx="3395">
                  <c:v>0.141427</c:v>
                </c:pt>
                <c:pt idx="3396">
                  <c:v>0.14138600000000001</c:v>
                </c:pt>
                <c:pt idx="3397">
                  <c:v>0.141346</c:v>
                </c:pt>
                <c:pt idx="3398">
                  <c:v>0.14130499999999999</c:v>
                </c:pt>
                <c:pt idx="3399">
                  <c:v>0.141264</c:v>
                </c:pt>
                <c:pt idx="3400">
                  <c:v>0.14122399999999999</c:v>
                </c:pt>
                <c:pt idx="3401">
                  <c:v>0.141183</c:v>
                </c:pt>
                <c:pt idx="3402">
                  <c:v>0.14114299999999999</c:v>
                </c:pt>
                <c:pt idx="3403">
                  <c:v>0.14110200000000001</c:v>
                </c:pt>
                <c:pt idx="3404">
                  <c:v>0.14106099999999999</c:v>
                </c:pt>
                <c:pt idx="3405">
                  <c:v>0.14102100000000001</c:v>
                </c:pt>
                <c:pt idx="3406">
                  <c:v>0.140981</c:v>
                </c:pt>
                <c:pt idx="3407">
                  <c:v>0.14094000000000001</c:v>
                </c:pt>
                <c:pt idx="3408">
                  <c:v>0.1409</c:v>
                </c:pt>
                <c:pt idx="3409">
                  <c:v>0.14085900000000001</c:v>
                </c:pt>
                <c:pt idx="3410">
                  <c:v>0.140819</c:v>
                </c:pt>
                <c:pt idx="3411">
                  <c:v>0.14077799999999999</c:v>
                </c:pt>
                <c:pt idx="3412">
                  <c:v>0.140738</c:v>
                </c:pt>
                <c:pt idx="3413">
                  <c:v>0.14069799999999999</c:v>
                </c:pt>
                <c:pt idx="3414">
                  <c:v>0.14065800000000001</c:v>
                </c:pt>
                <c:pt idx="3415">
                  <c:v>0.14061699999999999</c:v>
                </c:pt>
                <c:pt idx="3416">
                  <c:v>0.14057700000000001</c:v>
                </c:pt>
                <c:pt idx="3417">
                  <c:v>0.140537</c:v>
                </c:pt>
                <c:pt idx="3418">
                  <c:v>0.14049700000000001</c:v>
                </c:pt>
                <c:pt idx="3419">
                  <c:v>0.140456</c:v>
                </c:pt>
                <c:pt idx="3420">
                  <c:v>0.14041600000000001</c:v>
                </c:pt>
                <c:pt idx="3421">
                  <c:v>0.140376</c:v>
                </c:pt>
                <c:pt idx="3422">
                  <c:v>0.14033599999999999</c:v>
                </c:pt>
                <c:pt idx="3423">
                  <c:v>0.140296</c:v>
                </c:pt>
                <c:pt idx="3424">
                  <c:v>0.14025599999999999</c:v>
                </c:pt>
                <c:pt idx="3425">
                  <c:v>0.14021600000000001</c:v>
                </c:pt>
                <c:pt idx="3426">
                  <c:v>0.140176</c:v>
                </c:pt>
                <c:pt idx="3427">
                  <c:v>0.14013600000000001</c:v>
                </c:pt>
                <c:pt idx="3428">
                  <c:v>0.140096</c:v>
                </c:pt>
                <c:pt idx="3429">
                  <c:v>0.14005600000000001</c:v>
                </c:pt>
                <c:pt idx="3430">
                  <c:v>0.140016</c:v>
                </c:pt>
                <c:pt idx="3431">
                  <c:v>0.13997599999999999</c:v>
                </c:pt>
                <c:pt idx="3432">
                  <c:v>0.139936</c:v>
                </c:pt>
                <c:pt idx="3433">
                  <c:v>0.13989599999999999</c:v>
                </c:pt>
                <c:pt idx="3434">
                  <c:v>0.13985600000000001</c:v>
                </c:pt>
                <c:pt idx="3435">
                  <c:v>0.139816</c:v>
                </c:pt>
                <c:pt idx="3436">
                  <c:v>0.13977700000000001</c:v>
                </c:pt>
                <c:pt idx="3437">
                  <c:v>0.139737</c:v>
                </c:pt>
                <c:pt idx="3438">
                  <c:v>0.13969699999999999</c:v>
                </c:pt>
                <c:pt idx="3439">
                  <c:v>0.139657</c:v>
                </c:pt>
                <c:pt idx="3440">
                  <c:v>0.13961799999999999</c:v>
                </c:pt>
                <c:pt idx="3441">
                  <c:v>0.13957800000000001</c:v>
                </c:pt>
                <c:pt idx="3442">
                  <c:v>0.139538</c:v>
                </c:pt>
                <c:pt idx="3443">
                  <c:v>0.13949900000000001</c:v>
                </c:pt>
                <c:pt idx="3444">
                  <c:v>0.139459</c:v>
                </c:pt>
                <c:pt idx="3445">
                  <c:v>0.13941899999999999</c:v>
                </c:pt>
                <c:pt idx="3446">
                  <c:v>0.13938</c:v>
                </c:pt>
                <c:pt idx="3447">
                  <c:v>0.13933999999999999</c:v>
                </c:pt>
                <c:pt idx="3448">
                  <c:v>0.13930100000000001</c:v>
                </c:pt>
                <c:pt idx="3449">
                  <c:v>0.139261</c:v>
                </c:pt>
                <c:pt idx="3450">
                  <c:v>0.13922200000000001</c:v>
                </c:pt>
                <c:pt idx="3451">
                  <c:v>0.139182</c:v>
                </c:pt>
                <c:pt idx="3452">
                  <c:v>0.13914299999999999</c:v>
                </c:pt>
                <c:pt idx="3453">
                  <c:v>0.139103</c:v>
                </c:pt>
                <c:pt idx="3454">
                  <c:v>0.13906399999999999</c:v>
                </c:pt>
                <c:pt idx="3455">
                  <c:v>0.13902400000000001</c:v>
                </c:pt>
                <c:pt idx="3456">
                  <c:v>0.138985</c:v>
                </c:pt>
                <c:pt idx="3457">
                  <c:v>0.13894599999999999</c:v>
                </c:pt>
                <c:pt idx="3458">
                  <c:v>0.138906</c:v>
                </c:pt>
                <c:pt idx="3459">
                  <c:v>0.13886699999999999</c:v>
                </c:pt>
                <c:pt idx="3460">
                  <c:v>0.13882800000000001</c:v>
                </c:pt>
                <c:pt idx="3461">
                  <c:v>0.13878799999999999</c:v>
                </c:pt>
                <c:pt idx="3462">
                  <c:v>0.13874900000000001</c:v>
                </c:pt>
                <c:pt idx="3463">
                  <c:v>0.13871</c:v>
                </c:pt>
                <c:pt idx="3464">
                  <c:v>0.13867099999999999</c:v>
                </c:pt>
                <c:pt idx="3465">
                  <c:v>0.13863200000000001</c:v>
                </c:pt>
                <c:pt idx="3466">
                  <c:v>0.13859199999999999</c:v>
                </c:pt>
                <c:pt idx="3467">
                  <c:v>0.13855300000000001</c:v>
                </c:pt>
                <c:pt idx="3468">
                  <c:v>0.138514</c:v>
                </c:pt>
                <c:pt idx="3469">
                  <c:v>0.13847499999999999</c:v>
                </c:pt>
                <c:pt idx="3470">
                  <c:v>0.138436</c:v>
                </c:pt>
                <c:pt idx="3471">
                  <c:v>0.13839699999999999</c:v>
                </c:pt>
                <c:pt idx="3472">
                  <c:v>0.13835800000000001</c:v>
                </c:pt>
                <c:pt idx="3473">
                  <c:v>0.138319</c:v>
                </c:pt>
                <c:pt idx="3474">
                  <c:v>0.13827999999999999</c:v>
                </c:pt>
                <c:pt idx="3475">
                  <c:v>0.138241</c:v>
                </c:pt>
                <c:pt idx="3476">
                  <c:v>0.13820199999999999</c:v>
                </c:pt>
                <c:pt idx="3477">
                  <c:v>0.13816300000000001</c:v>
                </c:pt>
                <c:pt idx="3478">
                  <c:v>0.138124</c:v>
                </c:pt>
                <c:pt idx="3479">
                  <c:v>0.13808500000000001</c:v>
                </c:pt>
                <c:pt idx="3480">
                  <c:v>0.138046</c:v>
                </c:pt>
                <c:pt idx="3481">
                  <c:v>0.13800799999999999</c:v>
                </c:pt>
                <c:pt idx="3482">
                  <c:v>0.13796900000000001</c:v>
                </c:pt>
                <c:pt idx="3483">
                  <c:v>0.13793</c:v>
                </c:pt>
                <c:pt idx="3484">
                  <c:v>0.13789100000000001</c:v>
                </c:pt>
                <c:pt idx="3485">
                  <c:v>0.137852</c:v>
                </c:pt>
                <c:pt idx="3486">
                  <c:v>0.13781399999999999</c:v>
                </c:pt>
                <c:pt idx="3487">
                  <c:v>0.13777500000000001</c:v>
                </c:pt>
                <c:pt idx="3488">
                  <c:v>0.137736</c:v>
                </c:pt>
                <c:pt idx="3489">
                  <c:v>0.13769799999999999</c:v>
                </c:pt>
                <c:pt idx="3490">
                  <c:v>0.137659</c:v>
                </c:pt>
                <c:pt idx="3491">
                  <c:v>0.13761999999999999</c:v>
                </c:pt>
                <c:pt idx="3492">
                  <c:v>0.13758200000000001</c:v>
                </c:pt>
                <c:pt idx="3493">
                  <c:v>0.137543</c:v>
                </c:pt>
                <c:pt idx="3494">
                  <c:v>0.13750399999999999</c:v>
                </c:pt>
                <c:pt idx="3495">
                  <c:v>0.137466</c:v>
                </c:pt>
                <c:pt idx="3496">
                  <c:v>0.13742699999999999</c:v>
                </c:pt>
                <c:pt idx="3497">
                  <c:v>0.13738900000000001</c:v>
                </c:pt>
                <c:pt idx="3498">
                  <c:v>0.13735</c:v>
                </c:pt>
                <c:pt idx="3499">
                  <c:v>0.13731199999999999</c:v>
                </c:pt>
                <c:pt idx="3500">
                  <c:v>0.13727300000000001</c:v>
                </c:pt>
                <c:pt idx="3501">
                  <c:v>0.137235</c:v>
                </c:pt>
                <c:pt idx="3502">
                  <c:v>0.13719700000000001</c:v>
                </c:pt>
                <c:pt idx="3503">
                  <c:v>0.137158</c:v>
                </c:pt>
                <c:pt idx="3504">
                  <c:v>0.13711999999999999</c:v>
                </c:pt>
                <c:pt idx="3505">
                  <c:v>0.13708200000000001</c:v>
                </c:pt>
                <c:pt idx="3506">
                  <c:v>0.137043</c:v>
                </c:pt>
                <c:pt idx="3507">
                  <c:v>0.13700499999999999</c:v>
                </c:pt>
                <c:pt idx="3508">
                  <c:v>0.13696700000000001</c:v>
                </c:pt>
                <c:pt idx="3509">
                  <c:v>0.13692799999999999</c:v>
                </c:pt>
                <c:pt idx="3510">
                  <c:v>0.13689000000000001</c:v>
                </c:pt>
                <c:pt idx="3511">
                  <c:v>0.136852</c:v>
                </c:pt>
                <c:pt idx="3512">
                  <c:v>0.13681399999999999</c:v>
                </c:pt>
                <c:pt idx="3513">
                  <c:v>0.13677600000000001</c:v>
                </c:pt>
                <c:pt idx="3514">
                  <c:v>0.136737</c:v>
                </c:pt>
                <c:pt idx="3515">
                  <c:v>0.13669899999999999</c:v>
                </c:pt>
                <c:pt idx="3516">
                  <c:v>0.136661</c:v>
                </c:pt>
                <c:pt idx="3517">
                  <c:v>0.13662299999999999</c:v>
                </c:pt>
                <c:pt idx="3518">
                  <c:v>0.13658500000000001</c:v>
                </c:pt>
                <c:pt idx="3519">
                  <c:v>0.136547</c:v>
                </c:pt>
                <c:pt idx="3520">
                  <c:v>0.13650899999999999</c:v>
                </c:pt>
                <c:pt idx="3521">
                  <c:v>0.13647100000000001</c:v>
                </c:pt>
                <c:pt idx="3522">
                  <c:v>0.136433</c:v>
                </c:pt>
                <c:pt idx="3523">
                  <c:v>0.13639499999999999</c:v>
                </c:pt>
                <c:pt idx="3524">
                  <c:v>0.13635700000000001</c:v>
                </c:pt>
                <c:pt idx="3525">
                  <c:v>0.136319</c:v>
                </c:pt>
                <c:pt idx="3526">
                  <c:v>0.13628100000000001</c:v>
                </c:pt>
                <c:pt idx="3527">
                  <c:v>0.136243</c:v>
                </c:pt>
                <c:pt idx="3528">
                  <c:v>0.13620499999999999</c:v>
                </c:pt>
                <c:pt idx="3529">
                  <c:v>0.13616800000000001</c:v>
                </c:pt>
                <c:pt idx="3530">
                  <c:v>0.13613</c:v>
                </c:pt>
                <c:pt idx="3531">
                  <c:v>0.13609199999999999</c:v>
                </c:pt>
                <c:pt idx="3532">
                  <c:v>0.13605400000000001</c:v>
                </c:pt>
                <c:pt idx="3533">
                  <c:v>0.136016</c:v>
                </c:pt>
                <c:pt idx="3534">
                  <c:v>0.13597899999999999</c:v>
                </c:pt>
                <c:pt idx="3535">
                  <c:v>0.13594100000000001</c:v>
                </c:pt>
                <c:pt idx="3536">
                  <c:v>0.135903</c:v>
                </c:pt>
                <c:pt idx="3537">
                  <c:v>0.13586599999999999</c:v>
                </c:pt>
                <c:pt idx="3538">
                  <c:v>0.135828</c:v>
                </c:pt>
                <c:pt idx="3539">
                  <c:v>0.13578999999999999</c:v>
                </c:pt>
                <c:pt idx="3540">
                  <c:v>0.13575300000000001</c:v>
                </c:pt>
                <c:pt idx="3541">
                  <c:v>0.135715</c:v>
                </c:pt>
                <c:pt idx="3542">
                  <c:v>0.13567699999999999</c:v>
                </c:pt>
                <c:pt idx="3543">
                  <c:v>0.13564000000000001</c:v>
                </c:pt>
                <c:pt idx="3544">
                  <c:v>0.135602</c:v>
                </c:pt>
                <c:pt idx="3545">
                  <c:v>0.13556499999999999</c:v>
                </c:pt>
                <c:pt idx="3546">
                  <c:v>0.13552700000000001</c:v>
                </c:pt>
                <c:pt idx="3547">
                  <c:v>0.13549</c:v>
                </c:pt>
                <c:pt idx="3548">
                  <c:v>0.13545199999999999</c:v>
                </c:pt>
                <c:pt idx="3549">
                  <c:v>0.13541500000000001</c:v>
                </c:pt>
                <c:pt idx="3550">
                  <c:v>0.135378</c:v>
                </c:pt>
                <c:pt idx="3551">
                  <c:v>0.13533999999999999</c:v>
                </c:pt>
                <c:pt idx="3552">
                  <c:v>0.13530300000000001</c:v>
                </c:pt>
                <c:pt idx="3553">
                  <c:v>0.135265</c:v>
                </c:pt>
                <c:pt idx="3554">
                  <c:v>0.13522799999999999</c:v>
                </c:pt>
                <c:pt idx="3555">
                  <c:v>0.13519100000000001</c:v>
                </c:pt>
                <c:pt idx="3556">
                  <c:v>0.135153</c:v>
                </c:pt>
                <c:pt idx="3557">
                  <c:v>0.13511600000000001</c:v>
                </c:pt>
                <c:pt idx="3558">
                  <c:v>0.135079</c:v>
                </c:pt>
                <c:pt idx="3559">
                  <c:v>0.135042</c:v>
                </c:pt>
                <c:pt idx="3560">
                  <c:v>0.13500400000000001</c:v>
                </c:pt>
                <c:pt idx="3561">
                  <c:v>0.134967</c:v>
                </c:pt>
                <c:pt idx="3562">
                  <c:v>0.13492999999999999</c:v>
                </c:pt>
                <c:pt idx="3563">
                  <c:v>0.13489300000000001</c:v>
                </c:pt>
                <c:pt idx="3564">
                  <c:v>0.134856</c:v>
                </c:pt>
                <c:pt idx="3565">
                  <c:v>0.13481899999999999</c:v>
                </c:pt>
                <c:pt idx="3566">
                  <c:v>0.13478200000000001</c:v>
                </c:pt>
                <c:pt idx="3567">
                  <c:v>0.134745</c:v>
                </c:pt>
                <c:pt idx="3568">
                  <c:v>0.13470699999999999</c:v>
                </c:pt>
                <c:pt idx="3569">
                  <c:v>0.13467000000000001</c:v>
                </c:pt>
                <c:pt idx="3570">
                  <c:v>0.134633</c:v>
                </c:pt>
                <c:pt idx="3571">
                  <c:v>0.13459599999999999</c:v>
                </c:pt>
                <c:pt idx="3572">
                  <c:v>0.13455900000000001</c:v>
                </c:pt>
                <c:pt idx="3573">
                  <c:v>0.134522</c:v>
                </c:pt>
                <c:pt idx="3574">
                  <c:v>0.13448599999999999</c:v>
                </c:pt>
                <c:pt idx="3575">
                  <c:v>0.13444900000000001</c:v>
                </c:pt>
                <c:pt idx="3576">
                  <c:v>0.134412</c:v>
                </c:pt>
                <c:pt idx="3577">
                  <c:v>0.13437499999999999</c:v>
                </c:pt>
                <c:pt idx="3578">
                  <c:v>0.13433800000000001</c:v>
                </c:pt>
                <c:pt idx="3579">
                  <c:v>0.134301</c:v>
                </c:pt>
                <c:pt idx="3580">
                  <c:v>0.13426399999999999</c:v>
                </c:pt>
                <c:pt idx="3581">
                  <c:v>0.13422700000000001</c:v>
                </c:pt>
                <c:pt idx="3582">
                  <c:v>0.134191</c:v>
                </c:pt>
                <c:pt idx="3583">
                  <c:v>0.134154</c:v>
                </c:pt>
                <c:pt idx="3584">
                  <c:v>0.13411699999999999</c:v>
                </c:pt>
                <c:pt idx="3585">
                  <c:v>0.13408</c:v>
                </c:pt>
                <c:pt idx="3586">
                  <c:v>0.134044</c:v>
                </c:pt>
                <c:pt idx="3587">
                  <c:v>0.13400699999999999</c:v>
                </c:pt>
                <c:pt idx="3588">
                  <c:v>0.13397000000000001</c:v>
                </c:pt>
                <c:pt idx="3589">
                  <c:v>0.133934</c:v>
                </c:pt>
                <c:pt idx="3590">
                  <c:v>0.13389699999999999</c:v>
                </c:pt>
                <c:pt idx="3591">
                  <c:v>0.13386100000000001</c:v>
                </c:pt>
                <c:pt idx="3592">
                  <c:v>0.133824</c:v>
                </c:pt>
                <c:pt idx="3593">
                  <c:v>0.13378699999999999</c:v>
                </c:pt>
                <c:pt idx="3594">
                  <c:v>0.13375100000000001</c:v>
                </c:pt>
                <c:pt idx="3595">
                  <c:v>0.133714</c:v>
                </c:pt>
                <c:pt idx="3596">
                  <c:v>0.13367799999999999</c:v>
                </c:pt>
                <c:pt idx="3597">
                  <c:v>0.13364100000000001</c:v>
                </c:pt>
                <c:pt idx="3598">
                  <c:v>0.133605</c:v>
                </c:pt>
                <c:pt idx="3599">
                  <c:v>0.13356799999999999</c:v>
                </c:pt>
                <c:pt idx="3600">
                  <c:v>0.13353200000000001</c:v>
                </c:pt>
                <c:pt idx="3601">
                  <c:v>0.133496</c:v>
                </c:pt>
                <c:pt idx="3602">
                  <c:v>0.13345899999999999</c:v>
                </c:pt>
                <c:pt idx="3603">
                  <c:v>0.13342300000000001</c:v>
                </c:pt>
                <c:pt idx="3604">
                  <c:v>0.133386</c:v>
                </c:pt>
                <c:pt idx="3605">
                  <c:v>0.13335</c:v>
                </c:pt>
                <c:pt idx="3606">
                  <c:v>0.13331399999999999</c:v>
                </c:pt>
                <c:pt idx="3607">
                  <c:v>0.13327700000000001</c:v>
                </c:pt>
                <c:pt idx="3608">
                  <c:v>0.133241</c:v>
                </c:pt>
                <c:pt idx="3609">
                  <c:v>0.13320499999999999</c:v>
                </c:pt>
                <c:pt idx="3610">
                  <c:v>0.13316900000000001</c:v>
                </c:pt>
                <c:pt idx="3611">
                  <c:v>0.133133</c:v>
                </c:pt>
                <c:pt idx="3612">
                  <c:v>0.13309599999999999</c:v>
                </c:pt>
                <c:pt idx="3613">
                  <c:v>0.13306000000000001</c:v>
                </c:pt>
                <c:pt idx="3614">
                  <c:v>0.133024</c:v>
                </c:pt>
                <c:pt idx="3615">
                  <c:v>0.132988</c:v>
                </c:pt>
                <c:pt idx="3616">
                  <c:v>0.13295199999999999</c:v>
                </c:pt>
                <c:pt idx="3617">
                  <c:v>0.13291600000000001</c:v>
                </c:pt>
                <c:pt idx="3618">
                  <c:v>0.13288</c:v>
                </c:pt>
                <c:pt idx="3619">
                  <c:v>0.13284299999999999</c:v>
                </c:pt>
                <c:pt idx="3620">
                  <c:v>0.13280700000000001</c:v>
                </c:pt>
                <c:pt idx="3621">
                  <c:v>0.132771</c:v>
                </c:pt>
                <c:pt idx="3622">
                  <c:v>0.13273499999999999</c:v>
                </c:pt>
                <c:pt idx="3623">
                  <c:v>0.13269900000000001</c:v>
                </c:pt>
                <c:pt idx="3624">
                  <c:v>0.132663</c:v>
                </c:pt>
                <c:pt idx="3625">
                  <c:v>0.13262699999999999</c:v>
                </c:pt>
                <c:pt idx="3626">
                  <c:v>0.13259199999999999</c:v>
                </c:pt>
                <c:pt idx="3627">
                  <c:v>0.13255600000000001</c:v>
                </c:pt>
                <c:pt idx="3628">
                  <c:v>0.13252</c:v>
                </c:pt>
                <c:pt idx="3629">
                  <c:v>0.13248399999999999</c:v>
                </c:pt>
                <c:pt idx="3630">
                  <c:v>0.13244800000000001</c:v>
                </c:pt>
                <c:pt idx="3631">
                  <c:v>0.132412</c:v>
                </c:pt>
                <c:pt idx="3632">
                  <c:v>0.13237599999999999</c:v>
                </c:pt>
                <c:pt idx="3633">
                  <c:v>0.13234099999999999</c:v>
                </c:pt>
                <c:pt idx="3634">
                  <c:v>0.13230500000000001</c:v>
                </c:pt>
                <c:pt idx="3635">
                  <c:v>0.132269</c:v>
                </c:pt>
                <c:pt idx="3636">
                  <c:v>0.13223299999999999</c:v>
                </c:pt>
                <c:pt idx="3637">
                  <c:v>0.13219800000000001</c:v>
                </c:pt>
                <c:pt idx="3638">
                  <c:v>0.132162</c:v>
                </c:pt>
                <c:pt idx="3639">
                  <c:v>0.13212599999999999</c:v>
                </c:pt>
                <c:pt idx="3640">
                  <c:v>0.13209099999999999</c:v>
                </c:pt>
                <c:pt idx="3641">
                  <c:v>0.13205500000000001</c:v>
                </c:pt>
                <c:pt idx="3642">
                  <c:v>0.132019</c:v>
                </c:pt>
                <c:pt idx="3643">
                  <c:v>0.13198399999999999</c:v>
                </c:pt>
                <c:pt idx="3644">
                  <c:v>0.13194800000000001</c:v>
                </c:pt>
                <c:pt idx="3645">
                  <c:v>0.131912</c:v>
                </c:pt>
                <c:pt idx="3646">
                  <c:v>0.13187699999999999</c:v>
                </c:pt>
                <c:pt idx="3647">
                  <c:v>0.13184100000000001</c:v>
                </c:pt>
                <c:pt idx="3648">
                  <c:v>0.13180600000000001</c:v>
                </c:pt>
                <c:pt idx="3649">
                  <c:v>0.13177</c:v>
                </c:pt>
                <c:pt idx="3650">
                  <c:v>0.13173499999999999</c:v>
                </c:pt>
                <c:pt idx="3651">
                  <c:v>0.13169900000000001</c:v>
                </c:pt>
                <c:pt idx="3652">
                  <c:v>0.131664</c:v>
                </c:pt>
                <c:pt idx="3653">
                  <c:v>0.131629</c:v>
                </c:pt>
                <c:pt idx="3654">
                  <c:v>0.13159299999999999</c:v>
                </c:pt>
                <c:pt idx="3655">
                  <c:v>0.13155800000000001</c:v>
                </c:pt>
                <c:pt idx="3656">
                  <c:v>0.131522</c:v>
                </c:pt>
                <c:pt idx="3657">
                  <c:v>0.13148699999999999</c:v>
                </c:pt>
                <c:pt idx="3658">
                  <c:v>0.13145200000000001</c:v>
                </c:pt>
                <c:pt idx="3659">
                  <c:v>0.13141600000000001</c:v>
                </c:pt>
                <c:pt idx="3660">
                  <c:v>0.131381</c:v>
                </c:pt>
                <c:pt idx="3661">
                  <c:v>0.13134599999999999</c:v>
                </c:pt>
                <c:pt idx="3662">
                  <c:v>0.13131100000000001</c:v>
                </c:pt>
                <c:pt idx="3663">
                  <c:v>0.131275</c:v>
                </c:pt>
                <c:pt idx="3664">
                  <c:v>0.13124</c:v>
                </c:pt>
                <c:pt idx="3665">
                  <c:v>0.13120499999999999</c:v>
                </c:pt>
                <c:pt idx="3666">
                  <c:v>0.13117000000000001</c:v>
                </c:pt>
                <c:pt idx="3667">
                  <c:v>0.131135</c:v>
                </c:pt>
                <c:pt idx="3668">
                  <c:v>0.13109899999999999</c:v>
                </c:pt>
                <c:pt idx="3669">
                  <c:v>0.13106400000000001</c:v>
                </c:pt>
                <c:pt idx="3670">
                  <c:v>0.13102900000000001</c:v>
                </c:pt>
                <c:pt idx="3671">
                  <c:v>0.130994</c:v>
                </c:pt>
                <c:pt idx="3672">
                  <c:v>0.13095899999999999</c:v>
                </c:pt>
                <c:pt idx="3673">
                  <c:v>0.13092400000000001</c:v>
                </c:pt>
                <c:pt idx="3674">
                  <c:v>0.13088900000000001</c:v>
                </c:pt>
                <c:pt idx="3675">
                  <c:v>0.130854</c:v>
                </c:pt>
                <c:pt idx="3676">
                  <c:v>0.13081899999999999</c:v>
                </c:pt>
                <c:pt idx="3677">
                  <c:v>0.13078400000000001</c:v>
                </c:pt>
                <c:pt idx="3678">
                  <c:v>0.130749</c:v>
                </c:pt>
                <c:pt idx="3679">
                  <c:v>0.130714</c:v>
                </c:pt>
                <c:pt idx="3680">
                  <c:v>0.13067899999999999</c:v>
                </c:pt>
                <c:pt idx="3681">
                  <c:v>0.13064400000000001</c:v>
                </c:pt>
                <c:pt idx="3682">
                  <c:v>0.130609</c:v>
                </c:pt>
                <c:pt idx="3683">
                  <c:v>0.130575</c:v>
                </c:pt>
                <c:pt idx="3684">
                  <c:v>0.13053999999999999</c:v>
                </c:pt>
                <c:pt idx="3685">
                  <c:v>0.13050500000000001</c:v>
                </c:pt>
                <c:pt idx="3686">
                  <c:v>0.13047</c:v>
                </c:pt>
                <c:pt idx="3687">
                  <c:v>0.130435</c:v>
                </c:pt>
                <c:pt idx="3688">
                  <c:v>0.13039999999999999</c:v>
                </c:pt>
                <c:pt idx="3689">
                  <c:v>0.13036600000000001</c:v>
                </c:pt>
                <c:pt idx="3690">
                  <c:v>0.130331</c:v>
                </c:pt>
                <c:pt idx="3691">
                  <c:v>0.130296</c:v>
                </c:pt>
                <c:pt idx="3692">
                  <c:v>0.13026199999999999</c:v>
                </c:pt>
                <c:pt idx="3693">
                  <c:v>0.13022700000000001</c:v>
                </c:pt>
                <c:pt idx="3694">
                  <c:v>0.130192</c:v>
                </c:pt>
                <c:pt idx="3695">
                  <c:v>0.130158</c:v>
                </c:pt>
                <c:pt idx="3696">
                  <c:v>0.13012299999999999</c:v>
                </c:pt>
                <c:pt idx="3697">
                  <c:v>0.13008800000000001</c:v>
                </c:pt>
                <c:pt idx="3698">
                  <c:v>0.130054</c:v>
                </c:pt>
                <c:pt idx="3699">
                  <c:v>0.130019</c:v>
                </c:pt>
                <c:pt idx="3700">
                  <c:v>0.12998499999999999</c:v>
                </c:pt>
                <c:pt idx="3701">
                  <c:v>0.12995000000000001</c:v>
                </c:pt>
                <c:pt idx="3702">
                  <c:v>0.129916</c:v>
                </c:pt>
                <c:pt idx="3703">
                  <c:v>0.129881</c:v>
                </c:pt>
                <c:pt idx="3704">
                  <c:v>0.12984699999999999</c:v>
                </c:pt>
                <c:pt idx="3705">
                  <c:v>0.12981200000000001</c:v>
                </c:pt>
                <c:pt idx="3706">
                  <c:v>0.129778</c:v>
                </c:pt>
                <c:pt idx="3707">
                  <c:v>0.129743</c:v>
                </c:pt>
                <c:pt idx="3708">
                  <c:v>0.12970899999999999</c:v>
                </c:pt>
                <c:pt idx="3709">
                  <c:v>0.12967400000000001</c:v>
                </c:pt>
                <c:pt idx="3710">
                  <c:v>0.12964000000000001</c:v>
                </c:pt>
                <c:pt idx="3711">
                  <c:v>0.129606</c:v>
                </c:pt>
                <c:pt idx="3712">
                  <c:v>0.12957099999999999</c:v>
                </c:pt>
                <c:pt idx="3713">
                  <c:v>0.12953700000000001</c:v>
                </c:pt>
                <c:pt idx="3714">
                  <c:v>0.12950300000000001</c:v>
                </c:pt>
                <c:pt idx="3715">
                  <c:v>0.129468</c:v>
                </c:pt>
                <c:pt idx="3716">
                  <c:v>0.12943399999999999</c:v>
                </c:pt>
                <c:pt idx="3717">
                  <c:v>0.12939999999999999</c:v>
                </c:pt>
                <c:pt idx="3718">
                  <c:v>0.12936600000000001</c:v>
                </c:pt>
                <c:pt idx="3719">
                  <c:v>0.129331</c:v>
                </c:pt>
                <c:pt idx="3720">
                  <c:v>0.129297</c:v>
                </c:pt>
                <c:pt idx="3721">
                  <c:v>0.12926299999999999</c:v>
                </c:pt>
                <c:pt idx="3722">
                  <c:v>0.12922900000000001</c:v>
                </c:pt>
                <c:pt idx="3723">
                  <c:v>0.129195</c:v>
                </c:pt>
                <c:pt idx="3724">
                  <c:v>0.129161</c:v>
                </c:pt>
                <c:pt idx="3725">
                  <c:v>0.12912599999999999</c:v>
                </c:pt>
                <c:pt idx="3726">
                  <c:v>0.12909200000000001</c:v>
                </c:pt>
                <c:pt idx="3727">
                  <c:v>0.12905800000000001</c:v>
                </c:pt>
                <c:pt idx="3728">
                  <c:v>0.129024</c:v>
                </c:pt>
                <c:pt idx="3729">
                  <c:v>0.12898999999999999</c:v>
                </c:pt>
                <c:pt idx="3730">
                  <c:v>0.12895599999999999</c:v>
                </c:pt>
                <c:pt idx="3731">
                  <c:v>0.12892200000000001</c:v>
                </c:pt>
                <c:pt idx="3732">
                  <c:v>0.128888</c:v>
                </c:pt>
                <c:pt idx="3733">
                  <c:v>0.128854</c:v>
                </c:pt>
                <c:pt idx="3734">
                  <c:v>0.12881999999999999</c:v>
                </c:pt>
                <c:pt idx="3735">
                  <c:v>0.12878600000000001</c:v>
                </c:pt>
                <c:pt idx="3736">
                  <c:v>0.12875200000000001</c:v>
                </c:pt>
                <c:pt idx="3737">
                  <c:v>0.128719</c:v>
                </c:pt>
                <c:pt idx="3738">
                  <c:v>0.12868499999999999</c:v>
                </c:pt>
                <c:pt idx="3739">
                  <c:v>0.12865099999999999</c:v>
                </c:pt>
                <c:pt idx="3740">
                  <c:v>0.12861700000000001</c:v>
                </c:pt>
                <c:pt idx="3741">
                  <c:v>0.128583</c:v>
                </c:pt>
                <c:pt idx="3742">
                  <c:v>0.128549</c:v>
                </c:pt>
                <c:pt idx="3743">
                  <c:v>0.12851499999999999</c:v>
                </c:pt>
                <c:pt idx="3744">
                  <c:v>0.12848200000000001</c:v>
                </c:pt>
                <c:pt idx="3745">
                  <c:v>0.12844800000000001</c:v>
                </c:pt>
                <c:pt idx="3746">
                  <c:v>0.128414</c:v>
                </c:pt>
                <c:pt idx="3747">
                  <c:v>0.12837999999999999</c:v>
                </c:pt>
                <c:pt idx="3748">
                  <c:v>0.12834699999999999</c:v>
                </c:pt>
                <c:pt idx="3749">
                  <c:v>0.12831300000000001</c:v>
                </c:pt>
                <c:pt idx="3750">
                  <c:v>0.128279</c:v>
                </c:pt>
                <c:pt idx="3751">
                  <c:v>0.128246</c:v>
                </c:pt>
                <c:pt idx="3752">
                  <c:v>0.12821199999999999</c:v>
                </c:pt>
                <c:pt idx="3753">
                  <c:v>0.12817799999999999</c:v>
                </c:pt>
                <c:pt idx="3754">
                  <c:v>0.12814500000000001</c:v>
                </c:pt>
                <c:pt idx="3755">
                  <c:v>0.128111</c:v>
                </c:pt>
                <c:pt idx="3756">
                  <c:v>0.128078</c:v>
                </c:pt>
                <c:pt idx="3757">
                  <c:v>0.12804399999999999</c:v>
                </c:pt>
                <c:pt idx="3758">
                  <c:v>0.12801100000000001</c:v>
                </c:pt>
                <c:pt idx="3759">
                  <c:v>0.12797700000000001</c:v>
                </c:pt>
                <c:pt idx="3760">
                  <c:v>0.127944</c:v>
                </c:pt>
                <c:pt idx="3761">
                  <c:v>0.12791</c:v>
                </c:pt>
                <c:pt idx="3762">
                  <c:v>0.12787699999999999</c:v>
                </c:pt>
                <c:pt idx="3763">
                  <c:v>0.12784300000000001</c:v>
                </c:pt>
                <c:pt idx="3764">
                  <c:v>0.12781000000000001</c:v>
                </c:pt>
                <c:pt idx="3765">
                  <c:v>0.127776</c:v>
                </c:pt>
                <c:pt idx="3766">
                  <c:v>0.127743</c:v>
                </c:pt>
                <c:pt idx="3767">
                  <c:v>0.12770999999999999</c:v>
                </c:pt>
                <c:pt idx="3768">
                  <c:v>0.12767600000000001</c:v>
                </c:pt>
                <c:pt idx="3769">
                  <c:v>0.12764300000000001</c:v>
                </c:pt>
                <c:pt idx="3770">
                  <c:v>0.12761</c:v>
                </c:pt>
                <c:pt idx="3771">
                  <c:v>0.12757599999999999</c:v>
                </c:pt>
                <c:pt idx="3772">
                  <c:v>0.12754299999999999</c:v>
                </c:pt>
                <c:pt idx="3773">
                  <c:v>0.12751000000000001</c:v>
                </c:pt>
                <c:pt idx="3774">
                  <c:v>0.12747600000000001</c:v>
                </c:pt>
                <c:pt idx="3775">
                  <c:v>0.127443</c:v>
                </c:pt>
                <c:pt idx="3776">
                  <c:v>0.12741</c:v>
                </c:pt>
                <c:pt idx="3777">
                  <c:v>0.12737699999999999</c:v>
                </c:pt>
                <c:pt idx="3778">
                  <c:v>0.12734400000000001</c:v>
                </c:pt>
                <c:pt idx="3779">
                  <c:v>0.12731000000000001</c:v>
                </c:pt>
                <c:pt idx="3780">
                  <c:v>0.127277</c:v>
                </c:pt>
                <c:pt idx="3781">
                  <c:v>0.127244</c:v>
                </c:pt>
                <c:pt idx="3782">
                  <c:v>0.12721099999999999</c:v>
                </c:pt>
                <c:pt idx="3783">
                  <c:v>0.12717800000000001</c:v>
                </c:pt>
                <c:pt idx="3784">
                  <c:v>0.12714500000000001</c:v>
                </c:pt>
                <c:pt idx="3785">
                  <c:v>0.127112</c:v>
                </c:pt>
                <c:pt idx="3786">
                  <c:v>0.127079</c:v>
                </c:pt>
                <c:pt idx="3787">
                  <c:v>0.12704599999999999</c:v>
                </c:pt>
                <c:pt idx="3788">
                  <c:v>0.12701299999999999</c:v>
                </c:pt>
                <c:pt idx="3789">
                  <c:v>0.12698000000000001</c:v>
                </c:pt>
                <c:pt idx="3790">
                  <c:v>0.126947</c:v>
                </c:pt>
                <c:pt idx="3791">
                  <c:v>0.126914</c:v>
                </c:pt>
                <c:pt idx="3792">
                  <c:v>0.12688099999999999</c:v>
                </c:pt>
                <c:pt idx="3793">
                  <c:v>0.12684799999999999</c:v>
                </c:pt>
                <c:pt idx="3794">
                  <c:v>0.12681500000000001</c:v>
                </c:pt>
                <c:pt idx="3795">
                  <c:v>0.12678200000000001</c:v>
                </c:pt>
                <c:pt idx="3796">
                  <c:v>0.126749</c:v>
                </c:pt>
                <c:pt idx="3797">
                  <c:v>0.126716</c:v>
                </c:pt>
                <c:pt idx="3798">
                  <c:v>0.12668299999999999</c:v>
                </c:pt>
                <c:pt idx="3799">
                  <c:v>0.12665000000000001</c:v>
                </c:pt>
                <c:pt idx="3800">
                  <c:v>0.12661800000000001</c:v>
                </c:pt>
                <c:pt idx="3801">
                  <c:v>0.126585</c:v>
                </c:pt>
                <c:pt idx="3802">
                  <c:v>0.126552</c:v>
                </c:pt>
                <c:pt idx="3803">
                  <c:v>0.12651899999999999</c:v>
                </c:pt>
                <c:pt idx="3804">
                  <c:v>0.12648699999999999</c:v>
                </c:pt>
                <c:pt idx="3805">
                  <c:v>0.12645400000000001</c:v>
                </c:pt>
                <c:pt idx="3806">
                  <c:v>0.12642100000000001</c:v>
                </c:pt>
                <c:pt idx="3807">
                  <c:v>0.126388</c:v>
                </c:pt>
                <c:pt idx="3808">
                  <c:v>0.126356</c:v>
                </c:pt>
                <c:pt idx="3809">
                  <c:v>0.12632299999999999</c:v>
                </c:pt>
                <c:pt idx="3810">
                  <c:v>0.12629000000000001</c:v>
                </c:pt>
                <c:pt idx="3811">
                  <c:v>0.12625800000000001</c:v>
                </c:pt>
                <c:pt idx="3812">
                  <c:v>0.126225</c:v>
                </c:pt>
                <c:pt idx="3813">
                  <c:v>0.126193</c:v>
                </c:pt>
                <c:pt idx="3814">
                  <c:v>0.12615999999999999</c:v>
                </c:pt>
                <c:pt idx="3815">
                  <c:v>0.12612699999999999</c:v>
                </c:pt>
                <c:pt idx="3816">
                  <c:v>0.12609500000000001</c:v>
                </c:pt>
                <c:pt idx="3817">
                  <c:v>0.12606200000000001</c:v>
                </c:pt>
                <c:pt idx="3818">
                  <c:v>0.12603</c:v>
                </c:pt>
                <c:pt idx="3819">
                  <c:v>0.125997</c:v>
                </c:pt>
                <c:pt idx="3820">
                  <c:v>0.12596499999999999</c:v>
                </c:pt>
                <c:pt idx="3821">
                  <c:v>0.12593199999999999</c:v>
                </c:pt>
                <c:pt idx="3822">
                  <c:v>0.12590000000000001</c:v>
                </c:pt>
                <c:pt idx="3823">
                  <c:v>0.12586700000000001</c:v>
                </c:pt>
                <c:pt idx="3824">
                  <c:v>0.125835</c:v>
                </c:pt>
                <c:pt idx="3825">
                  <c:v>0.125803</c:v>
                </c:pt>
                <c:pt idx="3826">
                  <c:v>0.12576999999999999</c:v>
                </c:pt>
                <c:pt idx="3827">
                  <c:v>0.12573799999999999</c:v>
                </c:pt>
                <c:pt idx="3828">
                  <c:v>0.12570600000000001</c:v>
                </c:pt>
                <c:pt idx="3829">
                  <c:v>0.12567300000000001</c:v>
                </c:pt>
                <c:pt idx="3830">
                  <c:v>0.125641</c:v>
                </c:pt>
                <c:pt idx="3831">
                  <c:v>0.125609</c:v>
                </c:pt>
                <c:pt idx="3832">
                  <c:v>0.12557599999999999</c:v>
                </c:pt>
                <c:pt idx="3833">
                  <c:v>0.12554399999999999</c:v>
                </c:pt>
                <c:pt idx="3834">
                  <c:v>0.12551200000000001</c:v>
                </c:pt>
                <c:pt idx="3835">
                  <c:v>0.12548000000000001</c:v>
                </c:pt>
                <c:pt idx="3836">
                  <c:v>0.125447</c:v>
                </c:pt>
                <c:pt idx="3837">
                  <c:v>0.125415</c:v>
                </c:pt>
                <c:pt idx="3838">
                  <c:v>0.12538299999999999</c:v>
                </c:pt>
                <c:pt idx="3839">
                  <c:v>0.12535099999999999</c:v>
                </c:pt>
                <c:pt idx="3840">
                  <c:v>0.12531900000000001</c:v>
                </c:pt>
                <c:pt idx="3841">
                  <c:v>0.12528600000000001</c:v>
                </c:pt>
                <c:pt idx="3842">
                  <c:v>0.125254</c:v>
                </c:pt>
                <c:pt idx="3843">
                  <c:v>0.125222</c:v>
                </c:pt>
                <c:pt idx="3844">
                  <c:v>0.12519</c:v>
                </c:pt>
                <c:pt idx="3845">
                  <c:v>0.12515799999999999</c:v>
                </c:pt>
                <c:pt idx="3846">
                  <c:v>0.12512599999999999</c:v>
                </c:pt>
                <c:pt idx="3847">
                  <c:v>0.12509400000000001</c:v>
                </c:pt>
                <c:pt idx="3848">
                  <c:v>0.12506200000000001</c:v>
                </c:pt>
                <c:pt idx="3849">
                  <c:v>0.12503</c:v>
                </c:pt>
                <c:pt idx="3850">
                  <c:v>0.124998</c:v>
                </c:pt>
                <c:pt idx="3851">
                  <c:v>0.12496599999999999</c:v>
                </c:pt>
                <c:pt idx="3852">
                  <c:v>0.124934</c:v>
                </c:pt>
                <c:pt idx="3853">
                  <c:v>0.124902</c:v>
                </c:pt>
                <c:pt idx="3854">
                  <c:v>0.12486999999999999</c:v>
                </c:pt>
                <c:pt idx="3855">
                  <c:v>0.124838</c:v>
                </c:pt>
                <c:pt idx="3856">
                  <c:v>0.124806</c:v>
                </c:pt>
                <c:pt idx="3857">
                  <c:v>0.124774</c:v>
                </c:pt>
                <c:pt idx="3858">
                  <c:v>0.12474200000000001</c:v>
                </c:pt>
                <c:pt idx="3859">
                  <c:v>0.124711</c:v>
                </c:pt>
                <c:pt idx="3860">
                  <c:v>0.124679</c:v>
                </c:pt>
                <c:pt idx="3861">
                  <c:v>0.12464699999999999</c:v>
                </c:pt>
                <c:pt idx="3862">
                  <c:v>0.124615</c:v>
                </c:pt>
                <c:pt idx="3863">
                  <c:v>0.124583</c:v>
                </c:pt>
                <c:pt idx="3864">
                  <c:v>0.124552</c:v>
                </c:pt>
                <c:pt idx="3865">
                  <c:v>0.12452000000000001</c:v>
                </c:pt>
                <c:pt idx="3866">
                  <c:v>0.124488</c:v>
                </c:pt>
                <c:pt idx="3867">
                  <c:v>0.124456</c:v>
                </c:pt>
                <c:pt idx="3868">
                  <c:v>0.12442499999999999</c:v>
                </c:pt>
                <c:pt idx="3869">
                  <c:v>0.124393</c:v>
                </c:pt>
                <c:pt idx="3870">
                  <c:v>0.124361</c:v>
                </c:pt>
                <c:pt idx="3871">
                  <c:v>0.12433</c:v>
                </c:pt>
                <c:pt idx="3872">
                  <c:v>0.12429800000000001</c:v>
                </c:pt>
                <c:pt idx="3873">
                  <c:v>0.124266</c:v>
                </c:pt>
                <c:pt idx="3874">
                  <c:v>0.124235</c:v>
                </c:pt>
                <c:pt idx="3875">
                  <c:v>0.12420299999999999</c:v>
                </c:pt>
                <c:pt idx="3876">
                  <c:v>0.124172</c:v>
                </c:pt>
                <c:pt idx="3877">
                  <c:v>0.12414</c:v>
                </c:pt>
                <c:pt idx="3878">
                  <c:v>0.124109</c:v>
                </c:pt>
                <c:pt idx="3879">
                  <c:v>0.12407700000000001</c:v>
                </c:pt>
                <c:pt idx="3880">
                  <c:v>0.124045</c:v>
                </c:pt>
                <c:pt idx="3881">
                  <c:v>0.124014</c:v>
                </c:pt>
                <c:pt idx="3882">
                  <c:v>0.12398199999999999</c:v>
                </c:pt>
                <c:pt idx="3883">
                  <c:v>0.12395100000000001</c:v>
                </c:pt>
                <c:pt idx="3884">
                  <c:v>0.12392</c:v>
                </c:pt>
                <c:pt idx="3885">
                  <c:v>0.123888</c:v>
                </c:pt>
                <c:pt idx="3886">
                  <c:v>0.12385699999999999</c:v>
                </c:pt>
                <c:pt idx="3887">
                  <c:v>0.123825</c:v>
                </c:pt>
                <c:pt idx="3888">
                  <c:v>0.123794</c:v>
                </c:pt>
                <c:pt idx="3889">
                  <c:v>0.123763</c:v>
                </c:pt>
                <c:pt idx="3890">
                  <c:v>0.12373099999999999</c:v>
                </c:pt>
                <c:pt idx="3891">
                  <c:v>0.1237</c:v>
                </c:pt>
                <c:pt idx="3892">
                  <c:v>0.123669</c:v>
                </c:pt>
                <c:pt idx="3893">
                  <c:v>0.123637</c:v>
                </c:pt>
                <c:pt idx="3894">
                  <c:v>0.12360599999999999</c:v>
                </c:pt>
                <c:pt idx="3895">
                  <c:v>0.123575</c:v>
                </c:pt>
                <c:pt idx="3896">
                  <c:v>0.123543</c:v>
                </c:pt>
                <c:pt idx="3897">
                  <c:v>0.123512</c:v>
                </c:pt>
                <c:pt idx="3898">
                  <c:v>0.12348099999999999</c:v>
                </c:pt>
                <c:pt idx="3899">
                  <c:v>0.12345</c:v>
                </c:pt>
                <c:pt idx="3900">
                  <c:v>0.123418</c:v>
                </c:pt>
                <c:pt idx="3901">
                  <c:v>0.123387</c:v>
                </c:pt>
                <c:pt idx="3902">
                  <c:v>0.12335599999999999</c:v>
                </c:pt>
                <c:pt idx="3903">
                  <c:v>0.123325</c:v>
                </c:pt>
                <c:pt idx="3904">
                  <c:v>0.123294</c:v>
                </c:pt>
                <c:pt idx="3905">
                  <c:v>0.123263</c:v>
                </c:pt>
                <c:pt idx="3906">
                  <c:v>0.12323199999999999</c:v>
                </c:pt>
                <c:pt idx="3907">
                  <c:v>0.1232</c:v>
                </c:pt>
                <c:pt idx="3908">
                  <c:v>0.123169</c:v>
                </c:pt>
                <c:pt idx="3909">
                  <c:v>0.123138</c:v>
                </c:pt>
                <c:pt idx="3910">
                  <c:v>0.12310699999999999</c:v>
                </c:pt>
                <c:pt idx="3911">
                  <c:v>0.123076</c:v>
                </c:pt>
                <c:pt idx="3912">
                  <c:v>0.123045</c:v>
                </c:pt>
                <c:pt idx="3913">
                  <c:v>0.123014</c:v>
                </c:pt>
                <c:pt idx="3914">
                  <c:v>0.122983</c:v>
                </c:pt>
                <c:pt idx="3915">
                  <c:v>0.12295200000000001</c:v>
                </c:pt>
                <c:pt idx="3916">
                  <c:v>0.122921</c:v>
                </c:pt>
                <c:pt idx="3917">
                  <c:v>0.12289</c:v>
                </c:pt>
                <c:pt idx="3918">
                  <c:v>0.12286</c:v>
                </c:pt>
                <c:pt idx="3919">
                  <c:v>0.12282899999999999</c:v>
                </c:pt>
                <c:pt idx="3920">
                  <c:v>0.122798</c:v>
                </c:pt>
                <c:pt idx="3921">
                  <c:v>0.122767</c:v>
                </c:pt>
                <c:pt idx="3922">
                  <c:v>0.122736</c:v>
                </c:pt>
                <c:pt idx="3923">
                  <c:v>0.12270499999999999</c:v>
                </c:pt>
                <c:pt idx="3924">
                  <c:v>0.12267400000000001</c:v>
                </c:pt>
                <c:pt idx="3925">
                  <c:v>0.122643</c:v>
                </c:pt>
                <c:pt idx="3926">
                  <c:v>0.122613</c:v>
                </c:pt>
                <c:pt idx="3927">
                  <c:v>0.122582</c:v>
                </c:pt>
                <c:pt idx="3928">
                  <c:v>0.12255099999999999</c:v>
                </c:pt>
                <c:pt idx="3929">
                  <c:v>0.12252</c:v>
                </c:pt>
                <c:pt idx="3930">
                  <c:v>0.12249</c:v>
                </c:pt>
                <c:pt idx="3931">
                  <c:v>0.122459</c:v>
                </c:pt>
                <c:pt idx="3932">
                  <c:v>0.122428</c:v>
                </c:pt>
                <c:pt idx="3933">
                  <c:v>0.12239800000000001</c:v>
                </c:pt>
                <c:pt idx="3934">
                  <c:v>0.122367</c:v>
                </c:pt>
                <c:pt idx="3935">
                  <c:v>0.122336</c:v>
                </c:pt>
                <c:pt idx="3936">
                  <c:v>0.122306</c:v>
                </c:pt>
                <c:pt idx="3937">
                  <c:v>0.12227499999999999</c:v>
                </c:pt>
                <c:pt idx="3938">
                  <c:v>0.12224400000000001</c:v>
                </c:pt>
                <c:pt idx="3939">
                  <c:v>0.122214</c:v>
                </c:pt>
                <c:pt idx="3940">
                  <c:v>0.122183</c:v>
                </c:pt>
                <c:pt idx="3941">
                  <c:v>0.122153</c:v>
                </c:pt>
                <c:pt idx="3942">
                  <c:v>0.12212199999999999</c:v>
                </c:pt>
                <c:pt idx="3943">
                  <c:v>0.12209100000000001</c:v>
                </c:pt>
                <c:pt idx="3944">
                  <c:v>0.122061</c:v>
                </c:pt>
                <c:pt idx="3945">
                  <c:v>0.12203</c:v>
                </c:pt>
                <c:pt idx="3946">
                  <c:v>0.122</c:v>
                </c:pt>
                <c:pt idx="3947">
                  <c:v>0.12196899999999999</c:v>
                </c:pt>
                <c:pt idx="3948">
                  <c:v>0.12193900000000001</c:v>
                </c:pt>
                <c:pt idx="3949">
                  <c:v>0.121908</c:v>
                </c:pt>
                <c:pt idx="3950">
                  <c:v>0.121878</c:v>
                </c:pt>
                <c:pt idx="3951">
                  <c:v>0.121848</c:v>
                </c:pt>
                <c:pt idx="3952">
                  <c:v>0.12181699999999999</c:v>
                </c:pt>
                <c:pt idx="3953">
                  <c:v>0.12178700000000001</c:v>
                </c:pt>
                <c:pt idx="3954">
                  <c:v>0.121756</c:v>
                </c:pt>
                <c:pt idx="3955">
                  <c:v>0.121726</c:v>
                </c:pt>
                <c:pt idx="3956">
                  <c:v>0.121696</c:v>
                </c:pt>
                <c:pt idx="3957">
                  <c:v>0.121665</c:v>
                </c:pt>
                <c:pt idx="3958">
                  <c:v>0.12163499999999999</c:v>
                </c:pt>
                <c:pt idx="3959">
                  <c:v>0.121605</c:v>
                </c:pt>
                <c:pt idx="3960">
                  <c:v>0.121575</c:v>
                </c:pt>
                <c:pt idx="3961">
                  <c:v>0.121544</c:v>
                </c:pt>
                <c:pt idx="3962">
                  <c:v>0.121514</c:v>
                </c:pt>
                <c:pt idx="3963">
                  <c:v>0.12148399999999999</c:v>
                </c:pt>
                <c:pt idx="3964">
                  <c:v>0.12145400000000001</c:v>
                </c:pt>
                <c:pt idx="3965">
                  <c:v>0.121423</c:v>
                </c:pt>
                <c:pt idx="3966">
                  <c:v>0.121393</c:v>
                </c:pt>
                <c:pt idx="3967">
                  <c:v>0.121363</c:v>
                </c:pt>
                <c:pt idx="3968">
                  <c:v>0.121333</c:v>
                </c:pt>
                <c:pt idx="3969">
                  <c:v>0.12130299999999999</c:v>
                </c:pt>
                <c:pt idx="3970">
                  <c:v>0.121272</c:v>
                </c:pt>
                <c:pt idx="3971">
                  <c:v>0.121242</c:v>
                </c:pt>
                <c:pt idx="3972">
                  <c:v>0.121212</c:v>
                </c:pt>
                <c:pt idx="3973">
                  <c:v>0.121182</c:v>
                </c:pt>
                <c:pt idx="3974">
                  <c:v>0.121152</c:v>
                </c:pt>
                <c:pt idx="3975">
                  <c:v>0.12112199999999999</c:v>
                </c:pt>
                <c:pt idx="3976">
                  <c:v>0.12109200000000001</c:v>
                </c:pt>
                <c:pt idx="3977">
                  <c:v>0.121062</c:v>
                </c:pt>
                <c:pt idx="3978">
                  <c:v>0.121032</c:v>
                </c:pt>
                <c:pt idx="3979">
                  <c:v>0.121002</c:v>
                </c:pt>
                <c:pt idx="3980">
                  <c:v>0.120972</c:v>
                </c:pt>
                <c:pt idx="3981">
                  <c:v>0.12094199999999999</c:v>
                </c:pt>
                <c:pt idx="3982">
                  <c:v>0.12091200000000001</c:v>
                </c:pt>
                <c:pt idx="3983">
                  <c:v>0.120882</c:v>
                </c:pt>
                <c:pt idx="3984">
                  <c:v>0.120852</c:v>
                </c:pt>
                <c:pt idx="3985">
                  <c:v>0.120822</c:v>
                </c:pt>
                <c:pt idx="3986">
                  <c:v>0.120792</c:v>
                </c:pt>
                <c:pt idx="3987">
                  <c:v>0.12076199999999999</c:v>
                </c:pt>
                <c:pt idx="3988">
                  <c:v>0.12073299999999999</c:v>
                </c:pt>
                <c:pt idx="3989">
                  <c:v>0.120703</c:v>
                </c:pt>
                <c:pt idx="3990">
                  <c:v>0.120673</c:v>
                </c:pt>
                <c:pt idx="3991">
                  <c:v>0.120643</c:v>
                </c:pt>
                <c:pt idx="3992">
                  <c:v>0.120613</c:v>
                </c:pt>
                <c:pt idx="3993">
                  <c:v>0.120583</c:v>
                </c:pt>
                <c:pt idx="3994">
                  <c:v>0.12055399999999999</c:v>
                </c:pt>
                <c:pt idx="3995">
                  <c:v>0.12052400000000001</c:v>
                </c:pt>
                <c:pt idx="3996">
                  <c:v>0.120494</c:v>
                </c:pt>
                <c:pt idx="3997">
                  <c:v>0.120464</c:v>
                </c:pt>
                <c:pt idx="3998">
                  <c:v>0.120435</c:v>
                </c:pt>
                <c:pt idx="3999">
                  <c:v>0.120405</c:v>
                </c:pt>
                <c:pt idx="4000">
                  <c:v>0.120375</c:v>
                </c:pt>
                <c:pt idx="4001">
                  <c:v>0.12034599999999999</c:v>
                </c:pt>
                <c:pt idx="4002">
                  <c:v>0.12031600000000001</c:v>
                </c:pt>
                <c:pt idx="4003">
                  <c:v>0.120286</c:v>
                </c:pt>
                <c:pt idx="4004">
                  <c:v>0.120257</c:v>
                </c:pt>
                <c:pt idx="4005">
                  <c:v>0.120227</c:v>
                </c:pt>
                <c:pt idx="4006">
                  <c:v>0.120197</c:v>
                </c:pt>
                <c:pt idx="4007">
                  <c:v>0.120168</c:v>
                </c:pt>
                <c:pt idx="4008">
                  <c:v>0.12013799999999999</c:v>
                </c:pt>
                <c:pt idx="4009">
                  <c:v>0.12010899999999999</c:v>
                </c:pt>
                <c:pt idx="4010">
                  <c:v>0.12007900000000001</c:v>
                </c:pt>
                <c:pt idx="4011">
                  <c:v>0.12005</c:v>
                </c:pt>
                <c:pt idx="4012">
                  <c:v>0.12002</c:v>
                </c:pt>
                <c:pt idx="4013">
                  <c:v>0.11999</c:v>
                </c:pt>
                <c:pt idx="4014">
                  <c:v>0.119961</c:v>
                </c:pt>
                <c:pt idx="4015">
                  <c:v>0.119932</c:v>
                </c:pt>
                <c:pt idx="4016">
                  <c:v>0.11990199999999999</c:v>
                </c:pt>
                <c:pt idx="4017">
                  <c:v>0.11987299999999999</c:v>
                </c:pt>
                <c:pt idx="4018">
                  <c:v>0.11984300000000001</c:v>
                </c:pt>
                <c:pt idx="4019">
                  <c:v>0.119814</c:v>
                </c:pt>
                <c:pt idx="4020">
                  <c:v>0.119784</c:v>
                </c:pt>
                <c:pt idx="4021">
                  <c:v>0.119755</c:v>
                </c:pt>
                <c:pt idx="4022">
                  <c:v>0.119726</c:v>
                </c:pt>
                <c:pt idx="4023">
                  <c:v>0.119696</c:v>
                </c:pt>
                <c:pt idx="4024">
                  <c:v>0.119667</c:v>
                </c:pt>
                <c:pt idx="4025">
                  <c:v>0.11963699999999999</c:v>
                </c:pt>
                <c:pt idx="4026">
                  <c:v>0.11960800000000001</c:v>
                </c:pt>
                <c:pt idx="4027">
                  <c:v>0.119579</c:v>
                </c:pt>
                <c:pt idx="4028">
                  <c:v>0.11955</c:v>
                </c:pt>
                <c:pt idx="4029">
                  <c:v>0.11952</c:v>
                </c:pt>
                <c:pt idx="4030">
                  <c:v>0.119491</c:v>
                </c:pt>
                <c:pt idx="4031">
                  <c:v>0.119462</c:v>
                </c:pt>
                <c:pt idx="4032">
                  <c:v>0.119433</c:v>
                </c:pt>
                <c:pt idx="4033">
                  <c:v>0.119403</c:v>
                </c:pt>
                <c:pt idx="4034">
                  <c:v>0.11937399999999999</c:v>
                </c:pt>
                <c:pt idx="4035">
                  <c:v>0.11934500000000001</c:v>
                </c:pt>
                <c:pt idx="4036">
                  <c:v>0.11931600000000001</c:v>
                </c:pt>
                <c:pt idx="4037">
                  <c:v>0.119287</c:v>
                </c:pt>
                <c:pt idx="4038">
                  <c:v>0.119257</c:v>
                </c:pt>
                <c:pt idx="4039">
                  <c:v>0.119228</c:v>
                </c:pt>
                <c:pt idx="4040">
                  <c:v>0.119199</c:v>
                </c:pt>
                <c:pt idx="4041">
                  <c:v>0.11917</c:v>
                </c:pt>
                <c:pt idx="4042">
                  <c:v>0.119141</c:v>
                </c:pt>
                <c:pt idx="4043">
                  <c:v>0.119112</c:v>
                </c:pt>
                <c:pt idx="4044">
                  <c:v>0.11908299999999999</c:v>
                </c:pt>
                <c:pt idx="4045">
                  <c:v>0.11905399999999999</c:v>
                </c:pt>
                <c:pt idx="4046">
                  <c:v>0.11902500000000001</c:v>
                </c:pt>
                <c:pt idx="4047">
                  <c:v>0.118996</c:v>
                </c:pt>
                <c:pt idx="4048">
                  <c:v>0.118967</c:v>
                </c:pt>
                <c:pt idx="4049">
                  <c:v>0.118938</c:v>
                </c:pt>
                <c:pt idx="4050">
                  <c:v>0.118909</c:v>
                </c:pt>
                <c:pt idx="4051">
                  <c:v>0.11888</c:v>
                </c:pt>
                <c:pt idx="4052">
                  <c:v>0.118851</c:v>
                </c:pt>
                <c:pt idx="4053">
                  <c:v>0.118822</c:v>
                </c:pt>
                <c:pt idx="4054">
                  <c:v>0.118793</c:v>
                </c:pt>
                <c:pt idx="4055">
                  <c:v>0.11876399999999999</c:v>
                </c:pt>
                <c:pt idx="4056">
                  <c:v>0.11873499999999999</c:v>
                </c:pt>
                <c:pt idx="4057">
                  <c:v>0.11870600000000001</c:v>
                </c:pt>
                <c:pt idx="4058">
                  <c:v>0.118677</c:v>
                </c:pt>
                <c:pt idx="4059">
                  <c:v>0.118648</c:v>
                </c:pt>
                <c:pt idx="4060">
                  <c:v>0.11862</c:v>
                </c:pt>
                <c:pt idx="4061">
                  <c:v>0.118591</c:v>
                </c:pt>
                <c:pt idx="4062">
                  <c:v>0.118562</c:v>
                </c:pt>
                <c:pt idx="4063">
                  <c:v>0.118533</c:v>
                </c:pt>
                <c:pt idx="4064">
                  <c:v>0.118504</c:v>
                </c:pt>
                <c:pt idx="4065">
                  <c:v>0.118476</c:v>
                </c:pt>
                <c:pt idx="4066">
                  <c:v>0.118447</c:v>
                </c:pt>
                <c:pt idx="4067">
                  <c:v>0.118418</c:v>
                </c:pt>
                <c:pt idx="4068">
                  <c:v>0.11838899999999999</c:v>
                </c:pt>
                <c:pt idx="4069">
                  <c:v>0.11836099999999999</c:v>
                </c:pt>
                <c:pt idx="4070">
                  <c:v>0.11833200000000001</c:v>
                </c:pt>
                <c:pt idx="4071">
                  <c:v>0.11830300000000001</c:v>
                </c:pt>
                <c:pt idx="4072">
                  <c:v>0.11827500000000001</c:v>
                </c:pt>
                <c:pt idx="4073">
                  <c:v>0.118246</c:v>
                </c:pt>
                <c:pt idx="4074">
                  <c:v>0.118217</c:v>
                </c:pt>
                <c:pt idx="4075">
                  <c:v>0.118189</c:v>
                </c:pt>
                <c:pt idx="4076">
                  <c:v>0.11816</c:v>
                </c:pt>
                <c:pt idx="4077">
                  <c:v>0.118131</c:v>
                </c:pt>
                <c:pt idx="4078">
                  <c:v>0.118103</c:v>
                </c:pt>
                <c:pt idx="4079">
                  <c:v>0.118074</c:v>
                </c:pt>
                <c:pt idx="4080">
                  <c:v>0.118046</c:v>
                </c:pt>
                <c:pt idx="4081">
                  <c:v>0.118017</c:v>
                </c:pt>
                <c:pt idx="4082">
                  <c:v>0.117989</c:v>
                </c:pt>
                <c:pt idx="4083">
                  <c:v>0.11796</c:v>
                </c:pt>
                <c:pt idx="4084">
                  <c:v>0.11793099999999999</c:v>
                </c:pt>
                <c:pt idx="4085">
                  <c:v>0.11790299999999999</c:v>
                </c:pt>
                <c:pt idx="4086">
                  <c:v>0.11787499999999999</c:v>
                </c:pt>
                <c:pt idx="4087">
                  <c:v>0.11784600000000001</c:v>
                </c:pt>
                <c:pt idx="4088">
                  <c:v>0.11781800000000001</c:v>
                </c:pt>
                <c:pt idx="4089">
                  <c:v>0.117789</c:v>
                </c:pt>
                <c:pt idx="4090">
                  <c:v>0.117761</c:v>
                </c:pt>
                <c:pt idx="4091">
                  <c:v>0.117732</c:v>
                </c:pt>
                <c:pt idx="4092">
                  <c:v>0.117704</c:v>
                </c:pt>
                <c:pt idx="4093">
                  <c:v>0.117675</c:v>
                </c:pt>
                <c:pt idx="4094">
                  <c:v>0.117647</c:v>
                </c:pt>
                <c:pt idx="4095">
                  <c:v>0.117619</c:v>
                </c:pt>
                <c:pt idx="4096">
                  <c:v>0.11759</c:v>
                </c:pt>
                <c:pt idx="4097">
                  <c:v>0.117562</c:v>
                </c:pt>
                <c:pt idx="4098">
                  <c:v>0.117534</c:v>
                </c:pt>
                <c:pt idx="4099">
                  <c:v>0.117505</c:v>
                </c:pt>
                <c:pt idx="4100">
                  <c:v>0.117477</c:v>
                </c:pt>
                <c:pt idx="4101">
                  <c:v>0.117449</c:v>
                </c:pt>
                <c:pt idx="4102">
                  <c:v>0.117421</c:v>
                </c:pt>
                <c:pt idx="4103">
                  <c:v>0.117392</c:v>
                </c:pt>
                <c:pt idx="4104">
                  <c:v>0.117364</c:v>
                </c:pt>
                <c:pt idx="4105">
                  <c:v>0.117336</c:v>
                </c:pt>
                <c:pt idx="4106">
                  <c:v>0.117308</c:v>
                </c:pt>
                <c:pt idx="4107">
                  <c:v>0.11727899999999999</c:v>
                </c:pt>
                <c:pt idx="4108">
                  <c:v>0.11725099999999999</c:v>
                </c:pt>
                <c:pt idx="4109">
                  <c:v>0.11722299999999999</c:v>
                </c:pt>
                <c:pt idx="4110">
                  <c:v>0.11719499999999999</c:v>
                </c:pt>
                <c:pt idx="4111">
                  <c:v>0.11716699999999999</c:v>
                </c:pt>
                <c:pt idx="4112">
                  <c:v>0.11713899999999999</c:v>
                </c:pt>
                <c:pt idx="4113">
                  <c:v>0.11711100000000001</c:v>
                </c:pt>
                <c:pt idx="4114">
                  <c:v>0.11708200000000001</c:v>
                </c:pt>
                <c:pt idx="4115">
                  <c:v>0.11705400000000001</c:v>
                </c:pt>
                <c:pt idx="4116">
                  <c:v>0.11702600000000001</c:v>
                </c:pt>
                <c:pt idx="4117">
                  <c:v>0.116998</c:v>
                </c:pt>
                <c:pt idx="4118">
                  <c:v>0.11697</c:v>
                </c:pt>
                <c:pt idx="4119">
                  <c:v>0.116942</c:v>
                </c:pt>
                <c:pt idx="4120">
                  <c:v>0.116914</c:v>
                </c:pt>
                <c:pt idx="4121">
                  <c:v>0.116886</c:v>
                </c:pt>
                <c:pt idx="4122">
                  <c:v>0.116858</c:v>
                </c:pt>
                <c:pt idx="4123">
                  <c:v>0.11683</c:v>
                </c:pt>
                <c:pt idx="4124">
                  <c:v>0.116802</c:v>
                </c:pt>
                <c:pt idx="4125">
                  <c:v>0.116774</c:v>
                </c:pt>
                <c:pt idx="4126">
                  <c:v>0.116746</c:v>
                </c:pt>
                <c:pt idx="4127">
                  <c:v>0.116718</c:v>
                </c:pt>
                <c:pt idx="4128">
                  <c:v>0.11669</c:v>
                </c:pt>
                <c:pt idx="4129">
                  <c:v>0.116662</c:v>
                </c:pt>
                <c:pt idx="4130">
                  <c:v>0.116635</c:v>
                </c:pt>
                <c:pt idx="4131">
                  <c:v>0.116607</c:v>
                </c:pt>
                <c:pt idx="4132">
                  <c:v>0.116579</c:v>
                </c:pt>
                <c:pt idx="4133">
                  <c:v>0.116551</c:v>
                </c:pt>
                <c:pt idx="4134">
                  <c:v>0.116523</c:v>
                </c:pt>
                <c:pt idx="4135">
                  <c:v>0.116495</c:v>
                </c:pt>
                <c:pt idx="4136">
                  <c:v>0.116467</c:v>
                </c:pt>
                <c:pt idx="4137">
                  <c:v>0.11644</c:v>
                </c:pt>
                <c:pt idx="4138">
                  <c:v>0.116412</c:v>
                </c:pt>
                <c:pt idx="4139">
                  <c:v>0.116384</c:v>
                </c:pt>
                <c:pt idx="4140">
                  <c:v>0.116356</c:v>
                </c:pt>
                <c:pt idx="4141">
                  <c:v>0.116329</c:v>
                </c:pt>
                <c:pt idx="4142">
                  <c:v>0.116301</c:v>
                </c:pt>
                <c:pt idx="4143">
                  <c:v>0.116273</c:v>
                </c:pt>
                <c:pt idx="4144">
                  <c:v>0.116245</c:v>
                </c:pt>
                <c:pt idx="4145">
                  <c:v>0.116218</c:v>
                </c:pt>
                <c:pt idx="4146">
                  <c:v>0.11619</c:v>
                </c:pt>
                <c:pt idx="4147">
                  <c:v>0.116162</c:v>
                </c:pt>
                <c:pt idx="4148">
                  <c:v>0.116135</c:v>
                </c:pt>
                <c:pt idx="4149">
                  <c:v>0.116107</c:v>
                </c:pt>
                <c:pt idx="4150">
                  <c:v>0.116079</c:v>
                </c:pt>
                <c:pt idx="4151">
                  <c:v>0.116052</c:v>
                </c:pt>
                <c:pt idx="4152">
                  <c:v>0.116024</c:v>
                </c:pt>
                <c:pt idx="4153">
                  <c:v>0.115997</c:v>
                </c:pt>
                <c:pt idx="4154">
                  <c:v>0.115969</c:v>
                </c:pt>
                <c:pt idx="4155">
                  <c:v>0.115941</c:v>
                </c:pt>
                <c:pt idx="4156">
                  <c:v>0.115914</c:v>
                </c:pt>
                <c:pt idx="4157">
                  <c:v>0.115886</c:v>
                </c:pt>
                <c:pt idx="4158">
                  <c:v>0.115859</c:v>
                </c:pt>
                <c:pt idx="4159">
                  <c:v>0.115831</c:v>
                </c:pt>
                <c:pt idx="4160">
                  <c:v>0.115804</c:v>
                </c:pt>
                <c:pt idx="4161">
                  <c:v>0.115776</c:v>
                </c:pt>
                <c:pt idx="4162">
                  <c:v>0.115749</c:v>
                </c:pt>
                <c:pt idx="4163">
                  <c:v>0.115721</c:v>
                </c:pt>
                <c:pt idx="4164">
                  <c:v>0.11569400000000001</c:v>
                </c:pt>
                <c:pt idx="4165">
                  <c:v>0.11566700000000001</c:v>
                </c:pt>
                <c:pt idx="4166">
                  <c:v>0.11563900000000001</c:v>
                </c:pt>
                <c:pt idx="4167">
                  <c:v>0.11561200000000001</c:v>
                </c:pt>
                <c:pt idx="4168">
                  <c:v>0.11558400000000001</c:v>
                </c:pt>
                <c:pt idx="4169">
                  <c:v>0.11555700000000001</c:v>
                </c:pt>
                <c:pt idx="4170">
                  <c:v>0.11552999999999999</c:v>
                </c:pt>
                <c:pt idx="4171">
                  <c:v>0.11550199999999999</c:v>
                </c:pt>
                <c:pt idx="4172">
                  <c:v>0.11547499999999999</c:v>
                </c:pt>
                <c:pt idx="4173">
                  <c:v>0.11544699999999999</c:v>
                </c:pt>
                <c:pt idx="4174">
                  <c:v>0.11541999999999999</c:v>
                </c:pt>
                <c:pt idx="4175">
                  <c:v>0.115393</c:v>
                </c:pt>
                <c:pt idx="4176">
                  <c:v>0.115366</c:v>
                </c:pt>
                <c:pt idx="4177">
                  <c:v>0.115338</c:v>
                </c:pt>
                <c:pt idx="4178">
                  <c:v>0.115311</c:v>
                </c:pt>
                <c:pt idx="4179">
                  <c:v>0.115284</c:v>
                </c:pt>
                <c:pt idx="4180">
                  <c:v>0.115257</c:v>
                </c:pt>
                <c:pt idx="4181">
                  <c:v>0.115229</c:v>
                </c:pt>
                <c:pt idx="4182">
                  <c:v>0.115202</c:v>
                </c:pt>
                <c:pt idx="4183">
                  <c:v>0.115175</c:v>
                </c:pt>
                <c:pt idx="4184">
                  <c:v>0.115148</c:v>
                </c:pt>
                <c:pt idx="4185">
                  <c:v>0.11512</c:v>
                </c:pt>
                <c:pt idx="4186">
                  <c:v>0.115093</c:v>
                </c:pt>
                <c:pt idx="4187">
                  <c:v>0.115066</c:v>
                </c:pt>
                <c:pt idx="4188">
                  <c:v>0.115039</c:v>
                </c:pt>
                <c:pt idx="4189">
                  <c:v>0.115012</c:v>
                </c:pt>
                <c:pt idx="4190">
                  <c:v>0.114985</c:v>
                </c:pt>
                <c:pt idx="4191">
                  <c:v>0.114958</c:v>
                </c:pt>
                <c:pt idx="4192">
                  <c:v>0.11493100000000001</c:v>
                </c:pt>
                <c:pt idx="4193">
                  <c:v>0.11490400000000001</c:v>
                </c:pt>
                <c:pt idx="4194">
                  <c:v>0.11487600000000001</c:v>
                </c:pt>
                <c:pt idx="4195">
                  <c:v>0.11484900000000001</c:v>
                </c:pt>
                <c:pt idx="4196">
                  <c:v>0.11482199999999999</c:v>
                </c:pt>
                <c:pt idx="4197">
                  <c:v>0.11479499999999999</c:v>
                </c:pt>
                <c:pt idx="4198">
                  <c:v>0.114768</c:v>
                </c:pt>
                <c:pt idx="4199">
                  <c:v>0.114741</c:v>
                </c:pt>
                <c:pt idx="4200">
                  <c:v>0.114714</c:v>
                </c:pt>
                <c:pt idx="4201">
                  <c:v>0.114687</c:v>
                </c:pt>
                <c:pt idx="4202">
                  <c:v>0.11466</c:v>
                </c:pt>
                <c:pt idx="4203">
                  <c:v>0.114633</c:v>
                </c:pt>
                <c:pt idx="4204">
                  <c:v>0.114606</c:v>
                </c:pt>
                <c:pt idx="4205">
                  <c:v>0.11458</c:v>
                </c:pt>
                <c:pt idx="4206">
                  <c:v>0.114553</c:v>
                </c:pt>
                <c:pt idx="4207">
                  <c:v>0.114526</c:v>
                </c:pt>
                <c:pt idx="4208">
                  <c:v>0.114499</c:v>
                </c:pt>
                <c:pt idx="4209">
                  <c:v>0.114472</c:v>
                </c:pt>
                <c:pt idx="4210">
                  <c:v>0.11444500000000001</c:v>
                </c:pt>
                <c:pt idx="4211">
                  <c:v>0.11441800000000001</c:v>
                </c:pt>
                <c:pt idx="4212">
                  <c:v>0.11439100000000001</c:v>
                </c:pt>
                <c:pt idx="4213">
                  <c:v>0.11436499999999999</c:v>
                </c:pt>
                <c:pt idx="4214">
                  <c:v>0.114338</c:v>
                </c:pt>
                <c:pt idx="4215">
                  <c:v>0.114311</c:v>
                </c:pt>
                <c:pt idx="4216">
                  <c:v>0.114284</c:v>
                </c:pt>
                <c:pt idx="4217">
                  <c:v>0.114257</c:v>
                </c:pt>
                <c:pt idx="4218">
                  <c:v>0.114231</c:v>
                </c:pt>
                <c:pt idx="4219">
                  <c:v>0.114204</c:v>
                </c:pt>
                <c:pt idx="4220">
                  <c:v>0.114177</c:v>
                </c:pt>
                <c:pt idx="4221">
                  <c:v>0.11415</c:v>
                </c:pt>
                <c:pt idx="4222">
                  <c:v>0.114124</c:v>
                </c:pt>
                <c:pt idx="4223">
                  <c:v>0.114097</c:v>
                </c:pt>
                <c:pt idx="4224">
                  <c:v>0.11407</c:v>
                </c:pt>
                <c:pt idx="4225">
                  <c:v>0.11404400000000001</c:v>
                </c:pt>
                <c:pt idx="4226">
                  <c:v>0.11401699999999999</c:v>
                </c:pt>
                <c:pt idx="4227">
                  <c:v>0.11398999999999999</c:v>
                </c:pt>
                <c:pt idx="4228">
                  <c:v>0.113964</c:v>
                </c:pt>
                <c:pt idx="4229">
                  <c:v>0.113937</c:v>
                </c:pt>
                <c:pt idx="4230">
                  <c:v>0.11391</c:v>
                </c:pt>
                <c:pt idx="4231">
                  <c:v>0.113884</c:v>
                </c:pt>
                <c:pt idx="4232">
                  <c:v>0.113857</c:v>
                </c:pt>
                <c:pt idx="4233">
                  <c:v>0.113831</c:v>
                </c:pt>
                <c:pt idx="4234">
                  <c:v>0.113804</c:v>
                </c:pt>
                <c:pt idx="4235">
                  <c:v>0.113778</c:v>
                </c:pt>
                <c:pt idx="4236">
                  <c:v>0.113751</c:v>
                </c:pt>
                <c:pt idx="4237">
                  <c:v>0.11372500000000001</c:v>
                </c:pt>
                <c:pt idx="4238">
                  <c:v>0.11369799999999999</c:v>
                </c:pt>
                <c:pt idx="4239">
                  <c:v>0.11367099999999999</c:v>
                </c:pt>
                <c:pt idx="4240">
                  <c:v>0.113645</c:v>
                </c:pt>
                <c:pt idx="4241">
                  <c:v>0.113619</c:v>
                </c:pt>
                <c:pt idx="4242">
                  <c:v>0.113592</c:v>
                </c:pt>
                <c:pt idx="4243">
                  <c:v>0.113566</c:v>
                </c:pt>
                <c:pt idx="4244">
                  <c:v>0.113539</c:v>
                </c:pt>
                <c:pt idx="4245">
                  <c:v>0.113513</c:v>
                </c:pt>
                <c:pt idx="4246">
                  <c:v>0.113486</c:v>
                </c:pt>
                <c:pt idx="4247">
                  <c:v>0.11346000000000001</c:v>
                </c:pt>
                <c:pt idx="4248">
                  <c:v>0.11343399999999999</c:v>
                </c:pt>
                <c:pt idx="4249">
                  <c:v>0.11340699999999999</c:v>
                </c:pt>
                <c:pt idx="4250">
                  <c:v>0.113381</c:v>
                </c:pt>
                <c:pt idx="4251">
                  <c:v>0.113354</c:v>
                </c:pt>
                <c:pt idx="4252">
                  <c:v>0.113328</c:v>
                </c:pt>
                <c:pt idx="4253">
                  <c:v>0.113302</c:v>
                </c:pt>
                <c:pt idx="4254">
                  <c:v>0.113275</c:v>
                </c:pt>
                <c:pt idx="4255">
                  <c:v>0.113249</c:v>
                </c:pt>
                <c:pt idx="4256">
                  <c:v>0.113223</c:v>
                </c:pt>
                <c:pt idx="4257">
                  <c:v>0.11319700000000001</c:v>
                </c:pt>
                <c:pt idx="4258">
                  <c:v>0.11317000000000001</c:v>
                </c:pt>
                <c:pt idx="4259">
                  <c:v>0.11314399999999999</c:v>
                </c:pt>
                <c:pt idx="4260">
                  <c:v>0.113118</c:v>
                </c:pt>
                <c:pt idx="4261">
                  <c:v>0.113092</c:v>
                </c:pt>
                <c:pt idx="4262">
                  <c:v>0.113065</c:v>
                </c:pt>
                <c:pt idx="4263">
                  <c:v>0.113039</c:v>
                </c:pt>
                <c:pt idx="4264">
                  <c:v>0.113013</c:v>
                </c:pt>
                <c:pt idx="4265">
                  <c:v>0.112987</c:v>
                </c:pt>
                <c:pt idx="4266">
                  <c:v>0.11296100000000001</c:v>
                </c:pt>
                <c:pt idx="4267">
                  <c:v>0.11293400000000001</c:v>
                </c:pt>
                <c:pt idx="4268">
                  <c:v>0.11290799999999999</c:v>
                </c:pt>
                <c:pt idx="4269">
                  <c:v>0.112882</c:v>
                </c:pt>
                <c:pt idx="4270">
                  <c:v>0.112856</c:v>
                </c:pt>
                <c:pt idx="4271">
                  <c:v>0.11283</c:v>
                </c:pt>
                <c:pt idx="4272">
                  <c:v>0.112804</c:v>
                </c:pt>
                <c:pt idx="4273">
                  <c:v>0.112778</c:v>
                </c:pt>
                <c:pt idx="4274">
                  <c:v>0.112752</c:v>
                </c:pt>
                <c:pt idx="4275">
                  <c:v>0.11272500000000001</c:v>
                </c:pt>
                <c:pt idx="4276">
                  <c:v>0.11269899999999999</c:v>
                </c:pt>
                <c:pt idx="4277">
                  <c:v>0.112673</c:v>
                </c:pt>
                <c:pt idx="4278">
                  <c:v>0.112647</c:v>
                </c:pt>
                <c:pt idx="4279">
                  <c:v>0.112621</c:v>
                </c:pt>
                <c:pt idx="4280">
                  <c:v>0.112595</c:v>
                </c:pt>
                <c:pt idx="4281">
                  <c:v>0.112569</c:v>
                </c:pt>
                <c:pt idx="4282">
                  <c:v>0.112543</c:v>
                </c:pt>
                <c:pt idx="4283">
                  <c:v>0.11251700000000001</c:v>
                </c:pt>
                <c:pt idx="4284">
                  <c:v>0.11249099999999999</c:v>
                </c:pt>
                <c:pt idx="4285">
                  <c:v>0.112465</c:v>
                </c:pt>
                <c:pt idx="4286">
                  <c:v>0.11244</c:v>
                </c:pt>
                <c:pt idx="4287">
                  <c:v>0.112414</c:v>
                </c:pt>
                <c:pt idx="4288">
                  <c:v>0.112388</c:v>
                </c:pt>
                <c:pt idx="4289">
                  <c:v>0.112362</c:v>
                </c:pt>
                <c:pt idx="4290">
                  <c:v>0.11233600000000001</c:v>
                </c:pt>
                <c:pt idx="4291">
                  <c:v>0.11230999999999999</c:v>
                </c:pt>
                <c:pt idx="4292">
                  <c:v>0.11228399999999999</c:v>
                </c:pt>
                <c:pt idx="4293">
                  <c:v>0.112258</c:v>
                </c:pt>
                <c:pt idx="4294">
                  <c:v>0.112232</c:v>
                </c:pt>
                <c:pt idx="4295">
                  <c:v>0.112207</c:v>
                </c:pt>
                <c:pt idx="4296">
                  <c:v>0.112181</c:v>
                </c:pt>
                <c:pt idx="4297">
                  <c:v>0.112155</c:v>
                </c:pt>
                <c:pt idx="4298">
                  <c:v>0.11212900000000001</c:v>
                </c:pt>
                <c:pt idx="4299">
                  <c:v>0.11210299999999999</c:v>
                </c:pt>
                <c:pt idx="4300">
                  <c:v>0.112078</c:v>
                </c:pt>
                <c:pt idx="4301">
                  <c:v>0.112052</c:v>
                </c:pt>
                <c:pt idx="4302">
                  <c:v>0.112026</c:v>
                </c:pt>
                <c:pt idx="4303">
                  <c:v>0.112</c:v>
                </c:pt>
                <c:pt idx="4304">
                  <c:v>0.11197500000000001</c:v>
                </c:pt>
                <c:pt idx="4305">
                  <c:v>0.11194900000000001</c:v>
                </c:pt>
                <c:pt idx="4306">
                  <c:v>0.11192299999999999</c:v>
                </c:pt>
                <c:pt idx="4307">
                  <c:v>0.111898</c:v>
                </c:pt>
                <c:pt idx="4308">
                  <c:v>0.111872</c:v>
                </c:pt>
                <c:pt idx="4309">
                  <c:v>0.111846</c:v>
                </c:pt>
                <c:pt idx="4310">
                  <c:v>0.111821</c:v>
                </c:pt>
                <c:pt idx="4311">
                  <c:v>0.11179500000000001</c:v>
                </c:pt>
                <c:pt idx="4312">
                  <c:v>0.11176899999999999</c:v>
                </c:pt>
                <c:pt idx="4313">
                  <c:v>0.111744</c:v>
                </c:pt>
                <c:pt idx="4314">
                  <c:v>0.111718</c:v>
                </c:pt>
                <c:pt idx="4315">
                  <c:v>0.111693</c:v>
                </c:pt>
                <c:pt idx="4316">
                  <c:v>0.111667</c:v>
                </c:pt>
                <c:pt idx="4317">
                  <c:v>0.111641</c:v>
                </c:pt>
                <c:pt idx="4318">
                  <c:v>0.11161600000000001</c:v>
                </c:pt>
                <c:pt idx="4319">
                  <c:v>0.11158999999999999</c:v>
                </c:pt>
                <c:pt idx="4320">
                  <c:v>0.111565</c:v>
                </c:pt>
                <c:pt idx="4321">
                  <c:v>0.111539</c:v>
                </c:pt>
                <c:pt idx="4322">
                  <c:v>0.111514</c:v>
                </c:pt>
                <c:pt idx="4323">
                  <c:v>0.111488</c:v>
                </c:pt>
                <c:pt idx="4324">
                  <c:v>0.11146300000000001</c:v>
                </c:pt>
                <c:pt idx="4325">
                  <c:v>0.11143699999999999</c:v>
                </c:pt>
                <c:pt idx="4326">
                  <c:v>0.111412</c:v>
                </c:pt>
                <c:pt idx="4327">
                  <c:v>0.111386</c:v>
                </c:pt>
                <c:pt idx="4328">
                  <c:v>0.111361</c:v>
                </c:pt>
                <c:pt idx="4329">
                  <c:v>0.111335</c:v>
                </c:pt>
                <c:pt idx="4330">
                  <c:v>0.11131000000000001</c:v>
                </c:pt>
                <c:pt idx="4331">
                  <c:v>0.111285</c:v>
                </c:pt>
                <c:pt idx="4332">
                  <c:v>0.111259</c:v>
                </c:pt>
                <c:pt idx="4333">
                  <c:v>0.111234</c:v>
                </c:pt>
                <c:pt idx="4334">
                  <c:v>0.111208</c:v>
                </c:pt>
                <c:pt idx="4335">
                  <c:v>0.111183</c:v>
                </c:pt>
                <c:pt idx="4336">
                  <c:v>0.11115800000000001</c:v>
                </c:pt>
                <c:pt idx="4337">
                  <c:v>0.11113199999999999</c:v>
                </c:pt>
                <c:pt idx="4338">
                  <c:v>0.111107</c:v>
                </c:pt>
                <c:pt idx="4339">
                  <c:v>0.111082</c:v>
                </c:pt>
                <c:pt idx="4340">
                  <c:v>0.111056</c:v>
                </c:pt>
                <c:pt idx="4341">
                  <c:v>0.111031</c:v>
                </c:pt>
                <c:pt idx="4342">
                  <c:v>0.11100599999999999</c:v>
                </c:pt>
                <c:pt idx="4343">
                  <c:v>0.110981</c:v>
                </c:pt>
                <c:pt idx="4344">
                  <c:v>0.110955</c:v>
                </c:pt>
                <c:pt idx="4345">
                  <c:v>0.11093</c:v>
                </c:pt>
                <c:pt idx="4346">
                  <c:v>0.110905</c:v>
                </c:pt>
                <c:pt idx="4347">
                  <c:v>0.11088000000000001</c:v>
                </c:pt>
                <c:pt idx="4348">
                  <c:v>0.11085399999999999</c:v>
                </c:pt>
                <c:pt idx="4349">
                  <c:v>0.110829</c:v>
                </c:pt>
                <c:pt idx="4350">
                  <c:v>0.110804</c:v>
                </c:pt>
                <c:pt idx="4351">
                  <c:v>0.110779</c:v>
                </c:pt>
                <c:pt idx="4352">
                  <c:v>0.11075400000000001</c:v>
                </c:pt>
                <c:pt idx="4353">
                  <c:v>0.11072899999999999</c:v>
                </c:pt>
                <c:pt idx="4354">
                  <c:v>0.110703</c:v>
                </c:pt>
                <c:pt idx="4355">
                  <c:v>0.110678</c:v>
                </c:pt>
                <c:pt idx="4356">
                  <c:v>0.110653</c:v>
                </c:pt>
                <c:pt idx="4357">
                  <c:v>0.110628</c:v>
                </c:pt>
                <c:pt idx="4358">
                  <c:v>0.11060300000000001</c:v>
                </c:pt>
                <c:pt idx="4359">
                  <c:v>0.110578</c:v>
                </c:pt>
                <c:pt idx="4360">
                  <c:v>0.110553</c:v>
                </c:pt>
                <c:pt idx="4361">
                  <c:v>0.110528</c:v>
                </c:pt>
                <c:pt idx="4362">
                  <c:v>0.110503</c:v>
                </c:pt>
                <c:pt idx="4363">
                  <c:v>0.11047800000000001</c:v>
                </c:pt>
                <c:pt idx="4364">
                  <c:v>0.110453</c:v>
                </c:pt>
                <c:pt idx="4365">
                  <c:v>0.110428</c:v>
                </c:pt>
                <c:pt idx="4366">
                  <c:v>0.110403</c:v>
                </c:pt>
                <c:pt idx="4367">
                  <c:v>0.110378</c:v>
                </c:pt>
                <c:pt idx="4368">
                  <c:v>0.11035300000000001</c:v>
                </c:pt>
                <c:pt idx="4369">
                  <c:v>0.110328</c:v>
                </c:pt>
                <c:pt idx="4370">
                  <c:v>0.110303</c:v>
                </c:pt>
                <c:pt idx="4371">
                  <c:v>0.110278</c:v>
                </c:pt>
                <c:pt idx="4372">
                  <c:v>0.110253</c:v>
                </c:pt>
                <c:pt idx="4373">
                  <c:v>0.11022800000000001</c:v>
                </c:pt>
                <c:pt idx="4374">
                  <c:v>0.110203</c:v>
                </c:pt>
                <c:pt idx="4375">
                  <c:v>0.110178</c:v>
                </c:pt>
                <c:pt idx="4376">
                  <c:v>0.110153</c:v>
                </c:pt>
                <c:pt idx="4377">
                  <c:v>0.110128</c:v>
                </c:pt>
                <c:pt idx="4378">
                  <c:v>0.11010300000000001</c:v>
                </c:pt>
                <c:pt idx="4379">
                  <c:v>0.110079</c:v>
                </c:pt>
                <c:pt idx="4380">
                  <c:v>0.110054</c:v>
                </c:pt>
                <c:pt idx="4381">
                  <c:v>0.110029</c:v>
                </c:pt>
                <c:pt idx="4382">
                  <c:v>0.110004</c:v>
                </c:pt>
                <c:pt idx="4383">
                  <c:v>0.10997899999999999</c:v>
                </c:pt>
                <c:pt idx="4384">
                  <c:v>0.109954</c:v>
                </c:pt>
                <c:pt idx="4385">
                  <c:v>0.10993</c:v>
                </c:pt>
                <c:pt idx="4386">
                  <c:v>0.109905</c:v>
                </c:pt>
                <c:pt idx="4387">
                  <c:v>0.10988000000000001</c:v>
                </c:pt>
                <c:pt idx="4388">
                  <c:v>0.10985499999999999</c:v>
                </c:pt>
                <c:pt idx="4389">
                  <c:v>0.10983</c:v>
                </c:pt>
                <c:pt idx="4390">
                  <c:v>0.109806</c:v>
                </c:pt>
                <c:pt idx="4391">
                  <c:v>0.109781</c:v>
                </c:pt>
                <c:pt idx="4392">
                  <c:v>0.10975600000000001</c:v>
                </c:pt>
                <c:pt idx="4393">
                  <c:v>0.109732</c:v>
                </c:pt>
                <c:pt idx="4394">
                  <c:v>0.109707</c:v>
                </c:pt>
                <c:pt idx="4395">
                  <c:v>0.109682</c:v>
                </c:pt>
                <c:pt idx="4396">
                  <c:v>0.10965800000000001</c:v>
                </c:pt>
                <c:pt idx="4397">
                  <c:v>0.10963299999999999</c:v>
                </c:pt>
                <c:pt idx="4398">
                  <c:v>0.109608</c:v>
                </c:pt>
                <c:pt idx="4399">
                  <c:v>0.109584</c:v>
                </c:pt>
                <c:pt idx="4400">
                  <c:v>0.109559</c:v>
                </c:pt>
                <c:pt idx="4401">
                  <c:v>0.10953400000000001</c:v>
                </c:pt>
                <c:pt idx="4402">
                  <c:v>0.10951</c:v>
                </c:pt>
                <c:pt idx="4403">
                  <c:v>0.109485</c:v>
                </c:pt>
                <c:pt idx="4404">
                  <c:v>0.109461</c:v>
                </c:pt>
                <c:pt idx="4405">
                  <c:v>0.10943600000000001</c:v>
                </c:pt>
                <c:pt idx="4406">
                  <c:v>0.10941099999999999</c:v>
                </c:pt>
                <c:pt idx="4407">
                  <c:v>0.109387</c:v>
                </c:pt>
                <c:pt idx="4408">
                  <c:v>0.109362</c:v>
                </c:pt>
                <c:pt idx="4409">
                  <c:v>0.109338</c:v>
                </c:pt>
                <c:pt idx="4410">
                  <c:v>0.10931299999999999</c:v>
                </c:pt>
                <c:pt idx="4411">
                  <c:v>0.109289</c:v>
                </c:pt>
                <c:pt idx="4412">
                  <c:v>0.109264</c:v>
                </c:pt>
                <c:pt idx="4413">
                  <c:v>0.10924</c:v>
                </c:pt>
                <c:pt idx="4414">
                  <c:v>0.10921500000000001</c:v>
                </c:pt>
                <c:pt idx="4415">
                  <c:v>0.109191</c:v>
                </c:pt>
                <c:pt idx="4416">
                  <c:v>0.109166</c:v>
                </c:pt>
                <c:pt idx="4417">
                  <c:v>0.109142</c:v>
                </c:pt>
                <c:pt idx="4418">
                  <c:v>0.10911800000000001</c:v>
                </c:pt>
                <c:pt idx="4419">
                  <c:v>0.109093</c:v>
                </c:pt>
                <c:pt idx="4420">
                  <c:v>0.109069</c:v>
                </c:pt>
                <c:pt idx="4421">
                  <c:v>0.109044</c:v>
                </c:pt>
                <c:pt idx="4422">
                  <c:v>0.10902000000000001</c:v>
                </c:pt>
                <c:pt idx="4423">
                  <c:v>0.108996</c:v>
                </c:pt>
                <c:pt idx="4424">
                  <c:v>0.108971</c:v>
                </c:pt>
                <c:pt idx="4425">
                  <c:v>0.108947</c:v>
                </c:pt>
                <c:pt idx="4426">
                  <c:v>0.108922</c:v>
                </c:pt>
                <c:pt idx="4427">
                  <c:v>0.10889799999999999</c:v>
                </c:pt>
                <c:pt idx="4428">
                  <c:v>0.108874</c:v>
                </c:pt>
                <c:pt idx="4429">
                  <c:v>0.108849</c:v>
                </c:pt>
                <c:pt idx="4430">
                  <c:v>0.10882500000000001</c:v>
                </c:pt>
                <c:pt idx="4431">
                  <c:v>0.10880099999999999</c:v>
                </c:pt>
                <c:pt idx="4432">
                  <c:v>0.108777</c:v>
                </c:pt>
                <c:pt idx="4433">
                  <c:v>0.108752</c:v>
                </c:pt>
                <c:pt idx="4434">
                  <c:v>0.10872800000000001</c:v>
                </c:pt>
                <c:pt idx="4435">
                  <c:v>0.108704</c:v>
                </c:pt>
                <c:pt idx="4436">
                  <c:v>0.10868</c:v>
                </c:pt>
                <c:pt idx="4437">
                  <c:v>0.108655</c:v>
                </c:pt>
                <c:pt idx="4438">
                  <c:v>0.10863100000000001</c:v>
                </c:pt>
                <c:pt idx="4439">
                  <c:v>0.108607</c:v>
                </c:pt>
                <c:pt idx="4440">
                  <c:v>0.108583</c:v>
                </c:pt>
                <c:pt idx="4441">
                  <c:v>0.108559</c:v>
                </c:pt>
                <c:pt idx="4442">
                  <c:v>0.10853400000000001</c:v>
                </c:pt>
                <c:pt idx="4443">
                  <c:v>0.10851</c:v>
                </c:pt>
                <c:pt idx="4444">
                  <c:v>0.108486</c:v>
                </c:pt>
                <c:pt idx="4445">
                  <c:v>0.108462</c:v>
                </c:pt>
                <c:pt idx="4446">
                  <c:v>0.10843800000000001</c:v>
                </c:pt>
                <c:pt idx="4447">
                  <c:v>0.108414</c:v>
                </c:pt>
                <c:pt idx="4448">
                  <c:v>0.10839</c:v>
                </c:pt>
                <c:pt idx="4449">
                  <c:v>0.108365</c:v>
                </c:pt>
                <c:pt idx="4450">
                  <c:v>0.10834100000000001</c:v>
                </c:pt>
                <c:pt idx="4451">
                  <c:v>0.108317</c:v>
                </c:pt>
                <c:pt idx="4452">
                  <c:v>0.108293</c:v>
                </c:pt>
                <c:pt idx="4453">
                  <c:v>0.108269</c:v>
                </c:pt>
                <c:pt idx="4454">
                  <c:v>0.10824499999999999</c:v>
                </c:pt>
                <c:pt idx="4455">
                  <c:v>0.108221</c:v>
                </c:pt>
                <c:pt idx="4456">
                  <c:v>0.108197</c:v>
                </c:pt>
                <c:pt idx="4457">
                  <c:v>0.10817300000000001</c:v>
                </c:pt>
                <c:pt idx="4458">
                  <c:v>0.108149</c:v>
                </c:pt>
                <c:pt idx="4459">
                  <c:v>0.108125</c:v>
                </c:pt>
                <c:pt idx="4460">
                  <c:v>0.108101</c:v>
                </c:pt>
                <c:pt idx="4461">
                  <c:v>0.10807700000000001</c:v>
                </c:pt>
                <c:pt idx="4462">
                  <c:v>0.108053</c:v>
                </c:pt>
                <c:pt idx="4463">
                  <c:v>0.108029</c:v>
                </c:pt>
                <c:pt idx="4464">
                  <c:v>0.108005</c:v>
                </c:pt>
                <c:pt idx="4465">
                  <c:v>0.10798099999999999</c:v>
                </c:pt>
                <c:pt idx="4466">
                  <c:v>0.107957</c:v>
                </c:pt>
                <c:pt idx="4467">
                  <c:v>0.107934</c:v>
                </c:pt>
                <c:pt idx="4468">
                  <c:v>0.10791000000000001</c:v>
                </c:pt>
                <c:pt idx="4469">
                  <c:v>0.107886</c:v>
                </c:pt>
                <c:pt idx="4470">
                  <c:v>0.107862</c:v>
                </c:pt>
                <c:pt idx="4471">
                  <c:v>0.107838</c:v>
                </c:pt>
                <c:pt idx="4472">
                  <c:v>0.10781399999999999</c:v>
                </c:pt>
                <c:pt idx="4473">
                  <c:v>0.10779</c:v>
                </c:pt>
                <c:pt idx="4474">
                  <c:v>0.107766</c:v>
                </c:pt>
                <c:pt idx="4475">
                  <c:v>0.10774300000000001</c:v>
                </c:pt>
                <c:pt idx="4476">
                  <c:v>0.107719</c:v>
                </c:pt>
                <c:pt idx="4477">
                  <c:v>0.107695</c:v>
                </c:pt>
                <c:pt idx="4478">
                  <c:v>0.107671</c:v>
                </c:pt>
                <c:pt idx="4479">
                  <c:v>0.10764700000000001</c:v>
                </c:pt>
                <c:pt idx="4480">
                  <c:v>0.107624</c:v>
                </c:pt>
                <c:pt idx="4481">
                  <c:v>0.1076</c:v>
                </c:pt>
                <c:pt idx="4482">
                  <c:v>0.107576</c:v>
                </c:pt>
                <c:pt idx="4483">
                  <c:v>0.10755199999999999</c:v>
                </c:pt>
                <c:pt idx="4484">
                  <c:v>0.107529</c:v>
                </c:pt>
                <c:pt idx="4485">
                  <c:v>0.107505</c:v>
                </c:pt>
                <c:pt idx="4486">
                  <c:v>0.10748099999999999</c:v>
                </c:pt>
                <c:pt idx="4487">
                  <c:v>0.107458</c:v>
                </c:pt>
                <c:pt idx="4488">
                  <c:v>0.107434</c:v>
                </c:pt>
                <c:pt idx="4489">
                  <c:v>0.10741000000000001</c:v>
                </c:pt>
                <c:pt idx="4490">
                  <c:v>0.107387</c:v>
                </c:pt>
                <c:pt idx="4491">
                  <c:v>0.107363</c:v>
                </c:pt>
                <c:pt idx="4492">
                  <c:v>0.107339</c:v>
                </c:pt>
                <c:pt idx="4493">
                  <c:v>0.10731599999999999</c:v>
                </c:pt>
                <c:pt idx="4494">
                  <c:v>0.107292</c:v>
                </c:pt>
                <c:pt idx="4495">
                  <c:v>0.107268</c:v>
                </c:pt>
                <c:pt idx="4496">
                  <c:v>0.10724499999999999</c:v>
                </c:pt>
                <c:pt idx="4497">
                  <c:v>0.107221</c:v>
                </c:pt>
                <c:pt idx="4498">
                  <c:v>0.107198</c:v>
                </c:pt>
                <c:pt idx="4499">
                  <c:v>0.10717400000000001</c:v>
                </c:pt>
                <c:pt idx="4500">
                  <c:v>0.10715</c:v>
                </c:pt>
                <c:pt idx="4501">
                  <c:v>0.107127</c:v>
                </c:pt>
                <c:pt idx="4502">
                  <c:v>0.107103</c:v>
                </c:pt>
                <c:pt idx="4503">
                  <c:v>0.10707999999999999</c:v>
                </c:pt>
                <c:pt idx="4504">
                  <c:v>0.107056</c:v>
                </c:pt>
                <c:pt idx="4505">
                  <c:v>0.107033</c:v>
                </c:pt>
                <c:pt idx="4506">
                  <c:v>0.10700900000000001</c:v>
                </c:pt>
                <c:pt idx="4507">
                  <c:v>0.106986</c:v>
                </c:pt>
                <c:pt idx="4508">
                  <c:v>0.106962</c:v>
                </c:pt>
                <c:pt idx="4509">
                  <c:v>0.10693900000000001</c:v>
                </c:pt>
                <c:pt idx="4510">
                  <c:v>0.106915</c:v>
                </c:pt>
                <c:pt idx="4511">
                  <c:v>0.106892</c:v>
                </c:pt>
                <c:pt idx="4512">
                  <c:v>0.10686900000000001</c:v>
                </c:pt>
                <c:pt idx="4513">
                  <c:v>0.106845</c:v>
                </c:pt>
                <c:pt idx="4514">
                  <c:v>0.106822</c:v>
                </c:pt>
                <c:pt idx="4515">
                  <c:v>0.106798</c:v>
                </c:pt>
                <c:pt idx="4516">
                  <c:v>0.10677499999999999</c:v>
                </c:pt>
                <c:pt idx="4517">
                  <c:v>0.106751</c:v>
                </c:pt>
                <c:pt idx="4518">
                  <c:v>0.106728</c:v>
                </c:pt>
                <c:pt idx="4519">
                  <c:v>0.10670499999999999</c:v>
                </c:pt>
                <c:pt idx="4520">
                  <c:v>0.106681</c:v>
                </c:pt>
                <c:pt idx="4521">
                  <c:v>0.106658</c:v>
                </c:pt>
                <c:pt idx="4522">
                  <c:v>0.10663499999999999</c:v>
                </c:pt>
                <c:pt idx="4523">
                  <c:v>0.106611</c:v>
                </c:pt>
                <c:pt idx="4524">
                  <c:v>0.106588</c:v>
                </c:pt>
                <c:pt idx="4525">
                  <c:v>0.10656499999999999</c:v>
                </c:pt>
                <c:pt idx="4526">
                  <c:v>0.106541</c:v>
                </c:pt>
                <c:pt idx="4527">
                  <c:v>0.106518</c:v>
                </c:pt>
                <c:pt idx="4528">
                  <c:v>0.10649500000000001</c:v>
                </c:pt>
                <c:pt idx="4529">
                  <c:v>0.106472</c:v>
                </c:pt>
                <c:pt idx="4530">
                  <c:v>0.106448</c:v>
                </c:pt>
                <c:pt idx="4531">
                  <c:v>0.10642500000000001</c:v>
                </c:pt>
                <c:pt idx="4532">
                  <c:v>0.106402</c:v>
                </c:pt>
                <c:pt idx="4533">
                  <c:v>0.106379</c:v>
                </c:pt>
                <c:pt idx="4534">
                  <c:v>0.10635500000000001</c:v>
                </c:pt>
                <c:pt idx="4535">
                  <c:v>0.106332</c:v>
                </c:pt>
                <c:pt idx="4536">
                  <c:v>0.106309</c:v>
                </c:pt>
                <c:pt idx="4537">
                  <c:v>0.10628600000000001</c:v>
                </c:pt>
                <c:pt idx="4538">
                  <c:v>0.106263</c:v>
                </c:pt>
                <c:pt idx="4539">
                  <c:v>0.10624</c:v>
                </c:pt>
                <c:pt idx="4540">
                  <c:v>0.106216</c:v>
                </c:pt>
                <c:pt idx="4541">
                  <c:v>0.106193</c:v>
                </c:pt>
                <c:pt idx="4542">
                  <c:v>0.10617</c:v>
                </c:pt>
                <c:pt idx="4543">
                  <c:v>0.10614700000000001</c:v>
                </c:pt>
                <c:pt idx="4544">
                  <c:v>0.106124</c:v>
                </c:pt>
                <c:pt idx="4545">
                  <c:v>0.106101</c:v>
                </c:pt>
                <c:pt idx="4546">
                  <c:v>0.10607800000000001</c:v>
                </c:pt>
                <c:pt idx="4547">
                  <c:v>0.106055</c:v>
                </c:pt>
                <c:pt idx="4548">
                  <c:v>0.106031</c:v>
                </c:pt>
                <c:pt idx="4549">
                  <c:v>0.10600800000000001</c:v>
                </c:pt>
                <c:pt idx="4550">
                  <c:v>0.105985</c:v>
                </c:pt>
                <c:pt idx="4551">
                  <c:v>0.105962</c:v>
                </c:pt>
                <c:pt idx="4552">
                  <c:v>0.10593900000000001</c:v>
                </c:pt>
                <c:pt idx="4553">
                  <c:v>0.105916</c:v>
                </c:pt>
                <c:pt idx="4554">
                  <c:v>0.105893</c:v>
                </c:pt>
                <c:pt idx="4555">
                  <c:v>0.10587000000000001</c:v>
                </c:pt>
                <c:pt idx="4556">
                  <c:v>0.105847</c:v>
                </c:pt>
                <c:pt idx="4557">
                  <c:v>0.105824</c:v>
                </c:pt>
                <c:pt idx="4558">
                  <c:v>0.10580100000000001</c:v>
                </c:pt>
                <c:pt idx="4559">
                  <c:v>0.105778</c:v>
                </c:pt>
                <c:pt idx="4560">
                  <c:v>0.105755</c:v>
                </c:pt>
                <c:pt idx="4561">
                  <c:v>0.10573200000000001</c:v>
                </c:pt>
                <c:pt idx="4562">
                  <c:v>0.105709</c:v>
                </c:pt>
                <c:pt idx="4563">
                  <c:v>0.105687</c:v>
                </c:pt>
                <c:pt idx="4564">
                  <c:v>0.10566399999999999</c:v>
                </c:pt>
                <c:pt idx="4565">
                  <c:v>0.105641</c:v>
                </c:pt>
                <c:pt idx="4566">
                  <c:v>0.105618</c:v>
                </c:pt>
                <c:pt idx="4567">
                  <c:v>0.10559499999999999</c:v>
                </c:pt>
                <c:pt idx="4568">
                  <c:v>0.105572</c:v>
                </c:pt>
                <c:pt idx="4569">
                  <c:v>0.105549</c:v>
                </c:pt>
                <c:pt idx="4570">
                  <c:v>0.10552599999999999</c:v>
                </c:pt>
                <c:pt idx="4571">
                  <c:v>0.105504</c:v>
                </c:pt>
                <c:pt idx="4572">
                  <c:v>0.10548100000000001</c:v>
                </c:pt>
                <c:pt idx="4573">
                  <c:v>0.105458</c:v>
                </c:pt>
                <c:pt idx="4574">
                  <c:v>0.105435</c:v>
                </c:pt>
                <c:pt idx="4575">
                  <c:v>0.10541200000000001</c:v>
                </c:pt>
                <c:pt idx="4576">
                  <c:v>0.105389</c:v>
                </c:pt>
                <c:pt idx="4577">
                  <c:v>0.105367</c:v>
                </c:pt>
                <c:pt idx="4578">
                  <c:v>0.10534399999999999</c:v>
                </c:pt>
                <c:pt idx="4579">
                  <c:v>0.105321</c:v>
                </c:pt>
                <c:pt idx="4580">
                  <c:v>0.105298</c:v>
                </c:pt>
                <c:pt idx="4581">
                  <c:v>0.10527599999999999</c:v>
                </c:pt>
                <c:pt idx="4582">
                  <c:v>0.105253</c:v>
                </c:pt>
                <c:pt idx="4583">
                  <c:v>0.10523</c:v>
                </c:pt>
                <c:pt idx="4584">
                  <c:v>0.10520699999999999</c:v>
                </c:pt>
                <c:pt idx="4585">
                  <c:v>0.105185</c:v>
                </c:pt>
                <c:pt idx="4586">
                  <c:v>0.10516200000000001</c:v>
                </c:pt>
                <c:pt idx="4587">
                  <c:v>0.105139</c:v>
                </c:pt>
                <c:pt idx="4588">
                  <c:v>0.105117</c:v>
                </c:pt>
                <c:pt idx="4589">
                  <c:v>0.10509400000000001</c:v>
                </c:pt>
                <c:pt idx="4590">
                  <c:v>0.105071</c:v>
                </c:pt>
                <c:pt idx="4591">
                  <c:v>0.105049</c:v>
                </c:pt>
                <c:pt idx="4592">
                  <c:v>0.10502599999999999</c:v>
                </c:pt>
                <c:pt idx="4593">
                  <c:v>0.105003</c:v>
                </c:pt>
                <c:pt idx="4594">
                  <c:v>0.104981</c:v>
                </c:pt>
                <c:pt idx="4595">
                  <c:v>0.104958</c:v>
                </c:pt>
                <c:pt idx="4596">
                  <c:v>0.104936</c:v>
                </c:pt>
                <c:pt idx="4597">
                  <c:v>0.10491300000000001</c:v>
                </c:pt>
                <c:pt idx="4598">
                  <c:v>0.10489</c:v>
                </c:pt>
                <c:pt idx="4599">
                  <c:v>0.104868</c:v>
                </c:pt>
                <c:pt idx="4600">
                  <c:v>0.10484499999999999</c:v>
                </c:pt>
                <c:pt idx="4601">
                  <c:v>0.104823</c:v>
                </c:pt>
                <c:pt idx="4602">
                  <c:v>0.1048</c:v>
                </c:pt>
                <c:pt idx="4603">
                  <c:v>0.104778</c:v>
                </c:pt>
                <c:pt idx="4604">
                  <c:v>0.104755</c:v>
                </c:pt>
                <c:pt idx="4605">
                  <c:v>0.10473300000000001</c:v>
                </c:pt>
                <c:pt idx="4606">
                  <c:v>0.10471</c:v>
                </c:pt>
                <c:pt idx="4607">
                  <c:v>0.104688</c:v>
                </c:pt>
                <c:pt idx="4608">
                  <c:v>0.10466499999999999</c:v>
                </c:pt>
                <c:pt idx="4609">
                  <c:v>0.104643</c:v>
                </c:pt>
                <c:pt idx="4610">
                  <c:v>0.10462</c:v>
                </c:pt>
                <c:pt idx="4611">
                  <c:v>0.104598</c:v>
                </c:pt>
                <c:pt idx="4612">
                  <c:v>0.104575</c:v>
                </c:pt>
                <c:pt idx="4613">
                  <c:v>0.10455299999999999</c:v>
                </c:pt>
                <c:pt idx="4614">
                  <c:v>0.10453</c:v>
                </c:pt>
                <c:pt idx="4615">
                  <c:v>0.104508</c:v>
                </c:pt>
                <c:pt idx="4616">
                  <c:v>0.104486</c:v>
                </c:pt>
                <c:pt idx="4617">
                  <c:v>0.104463</c:v>
                </c:pt>
                <c:pt idx="4618">
                  <c:v>0.10444100000000001</c:v>
                </c:pt>
                <c:pt idx="4619">
                  <c:v>0.104418</c:v>
                </c:pt>
                <c:pt idx="4620">
                  <c:v>0.104396</c:v>
                </c:pt>
                <c:pt idx="4621">
                  <c:v>0.10437399999999999</c:v>
                </c:pt>
                <c:pt idx="4622">
                  <c:v>0.104351</c:v>
                </c:pt>
                <c:pt idx="4623">
                  <c:v>0.10432900000000001</c:v>
                </c:pt>
                <c:pt idx="4624">
                  <c:v>0.104307</c:v>
                </c:pt>
                <c:pt idx="4625">
                  <c:v>0.104284</c:v>
                </c:pt>
                <c:pt idx="4626">
                  <c:v>0.10426199999999999</c:v>
                </c:pt>
                <c:pt idx="4627">
                  <c:v>0.10424</c:v>
                </c:pt>
                <c:pt idx="4628">
                  <c:v>0.104217</c:v>
                </c:pt>
                <c:pt idx="4629">
                  <c:v>0.104195</c:v>
                </c:pt>
                <c:pt idx="4630">
                  <c:v>0.104173</c:v>
                </c:pt>
                <c:pt idx="4631">
                  <c:v>0.10415099999999999</c:v>
                </c:pt>
                <c:pt idx="4632">
                  <c:v>0.104128</c:v>
                </c:pt>
                <c:pt idx="4633">
                  <c:v>0.104106</c:v>
                </c:pt>
                <c:pt idx="4634">
                  <c:v>0.104084</c:v>
                </c:pt>
                <c:pt idx="4635">
                  <c:v>0.104062</c:v>
                </c:pt>
                <c:pt idx="4636">
                  <c:v>0.10403900000000001</c:v>
                </c:pt>
                <c:pt idx="4637">
                  <c:v>0.104017</c:v>
                </c:pt>
                <c:pt idx="4638">
                  <c:v>0.103995</c:v>
                </c:pt>
                <c:pt idx="4639">
                  <c:v>0.103973</c:v>
                </c:pt>
                <c:pt idx="4640">
                  <c:v>0.103951</c:v>
                </c:pt>
                <c:pt idx="4641">
                  <c:v>0.10392800000000001</c:v>
                </c:pt>
                <c:pt idx="4642">
                  <c:v>0.103906</c:v>
                </c:pt>
                <c:pt idx="4643">
                  <c:v>0.103884</c:v>
                </c:pt>
                <c:pt idx="4644">
                  <c:v>0.103862</c:v>
                </c:pt>
                <c:pt idx="4645">
                  <c:v>0.10384</c:v>
                </c:pt>
                <c:pt idx="4646">
                  <c:v>0.10381799999999999</c:v>
                </c:pt>
                <c:pt idx="4647">
                  <c:v>0.103796</c:v>
                </c:pt>
                <c:pt idx="4648">
                  <c:v>0.103773</c:v>
                </c:pt>
                <c:pt idx="4649">
                  <c:v>0.103751</c:v>
                </c:pt>
                <c:pt idx="4650">
                  <c:v>0.103729</c:v>
                </c:pt>
                <c:pt idx="4651">
                  <c:v>0.10370699999999999</c:v>
                </c:pt>
                <c:pt idx="4652">
                  <c:v>0.103685</c:v>
                </c:pt>
                <c:pt idx="4653">
                  <c:v>0.10366300000000001</c:v>
                </c:pt>
                <c:pt idx="4654">
                  <c:v>0.103641</c:v>
                </c:pt>
                <c:pt idx="4655">
                  <c:v>0.103619</c:v>
                </c:pt>
                <c:pt idx="4656">
                  <c:v>0.10359699999999999</c:v>
                </c:pt>
                <c:pt idx="4657">
                  <c:v>0.103575</c:v>
                </c:pt>
                <c:pt idx="4658">
                  <c:v>0.10355300000000001</c:v>
                </c:pt>
                <c:pt idx="4659">
                  <c:v>0.103531</c:v>
                </c:pt>
                <c:pt idx="4660">
                  <c:v>0.103509</c:v>
                </c:pt>
                <c:pt idx="4661">
                  <c:v>0.103487</c:v>
                </c:pt>
                <c:pt idx="4662">
                  <c:v>0.103465</c:v>
                </c:pt>
                <c:pt idx="4663">
                  <c:v>0.10344299999999999</c:v>
                </c:pt>
                <c:pt idx="4664">
                  <c:v>0.103421</c:v>
                </c:pt>
                <c:pt idx="4665">
                  <c:v>0.103399</c:v>
                </c:pt>
                <c:pt idx="4666">
                  <c:v>0.103377</c:v>
                </c:pt>
                <c:pt idx="4667">
                  <c:v>0.103355</c:v>
                </c:pt>
                <c:pt idx="4668">
                  <c:v>0.10333299999999999</c:v>
                </c:pt>
                <c:pt idx="4669">
                  <c:v>0.103311</c:v>
                </c:pt>
                <c:pt idx="4670">
                  <c:v>0.10329000000000001</c:v>
                </c:pt>
                <c:pt idx="4671">
                  <c:v>0.103268</c:v>
                </c:pt>
                <c:pt idx="4672">
                  <c:v>0.103246</c:v>
                </c:pt>
                <c:pt idx="4673">
                  <c:v>0.103224</c:v>
                </c:pt>
                <c:pt idx="4674">
                  <c:v>0.103202</c:v>
                </c:pt>
                <c:pt idx="4675">
                  <c:v>0.10317999999999999</c:v>
                </c:pt>
                <c:pt idx="4676">
                  <c:v>0.103158</c:v>
                </c:pt>
                <c:pt idx="4677">
                  <c:v>0.10313700000000001</c:v>
                </c:pt>
                <c:pt idx="4678">
                  <c:v>0.103115</c:v>
                </c:pt>
                <c:pt idx="4679">
                  <c:v>0.103093</c:v>
                </c:pt>
                <c:pt idx="4680">
                  <c:v>0.103071</c:v>
                </c:pt>
                <c:pt idx="4681">
                  <c:v>0.103049</c:v>
                </c:pt>
                <c:pt idx="4682">
                  <c:v>0.10302699999999999</c:v>
                </c:pt>
                <c:pt idx="4683">
                  <c:v>0.103006</c:v>
                </c:pt>
                <c:pt idx="4684">
                  <c:v>0.10298400000000001</c:v>
                </c:pt>
                <c:pt idx="4685">
                  <c:v>0.102962</c:v>
                </c:pt>
                <c:pt idx="4686">
                  <c:v>0.10294</c:v>
                </c:pt>
                <c:pt idx="4687">
                  <c:v>0.102919</c:v>
                </c:pt>
                <c:pt idx="4688">
                  <c:v>0.102897</c:v>
                </c:pt>
                <c:pt idx="4689">
                  <c:v>0.10287499999999999</c:v>
                </c:pt>
                <c:pt idx="4690">
                  <c:v>0.102853</c:v>
                </c:pt>
                <c:pt idx="4691">
                  <c:v>0.10283200000000001</c:v>
                </c:pt>
                <c:pt idx="4692">
                  <c:v>0.10281</c:v>
                </c:pt>
                <c:pt idx="4693">
                  <c:v>0.102788</c:v>
                </c:pt>
                <c:pt idx="4694">
                  <c:v>0.102767</c:v>
                </c:pt>
                <c:pt idx="4695">
                  <c:v>0.102745</c:v>
                </c:pt>
                <c:pt idx="4696">
                  <c:v>0.10272299999999999</c:v>
                </c:pt>
                <c:pt idx="4697">
                  <c:v>0.102702</c:v>
                </c:pt>
                <c:pt idx="4698">
                  <c:v>0.10267999999999999</c:v>
                </c:pt>
                <c:pt idx="4699">
                  <c:v>0.102658</c:v>
                </c:pt>
                <c:pt idx="4700">
                  <c:v>0.10263700000000001</c:v>
                </c:pt>
                <c:pt idx="4701">
                  <c:v>0.102615</c:v>
                </c:pt>
                <c:pt idx="4702">
                  <c:v>0.102594</c:v>
                </c:pt>
                <c:pt idx="4703">
                  <c:v>0.102572</c:v>
                </c:pt>
                <c:pt idx="4704">
                  <c:v>0.10255</c:v>
                </c:pt>
                <c:pt idx="4705">
                  <c:v>0.102529</c:v>
                </c:pt>
                <c:pt idx="4706">
                  <c:v>0.102507</c:v>
                </c:pt>
                <c:pt idx="4707">
                  <c:v>0.10248599999999999</c:v>
                </c:pt>
                <c:pt idx="4708">
                  <c:v>0.102464</c:v>
                </c:pt>
                <c:pt idx="4709">
                  <c:v>0.10244300000000001</c:v>
                </c:pt>
                <c:pt idx="4710">
                  <c:v>0.102421</c:v>
                </c:pt>
                <c:pt idx="4711">
                  <c:v>0.1024</c:v>
                </c:pt>
                <c:pt idx="4712">
                  <c:v>0.102378</c:v>
                </c:pt>
                <c:pt idx="4713">
                  <c:v>0.102357</c:v>
                </c:pt>
                <c:pt idx="4714">
                  <c:v>0.102335</c:v>
                </c:pt>
                <c:pt idx="4715">
                  <c:v>0.102314</c:v>
                </c:pt>
                <c:pt idx="4716">
                  <c:v>0.10229199999999999</c:v>
                </c:pt>
                <c:pt idx="4717">
                  <c:v>0.102271</c:v>
                </c:pt>
                <c:pt idx="4718">
                  <c:v>0.10224900000000001</c:v>
                </c:pt>
                <c:pt idx="4719">
                  <c:v>0.102228</c:v>
                </c:pt>
                <c:pt idx="4720">
                  <c:v>0.10220600000000001</c:v>
                </c:pt>
                <c:pt idx="4721">
                  <c:v>0.102185</c:v>
                </c:pt>
                <c:pt idx="4722">
                  <c:v>0.102163</c:v>
                </c:pt>
                <c:pt idx="4723">
                  <c:v>0.102142</c:v>
                </c:pt>
                <c:pt idx="4724">
                  <c:v>0.102121</c:v>
                </c:pt>
                <c:pt idx="4725">
                  <c:v>0.102099</c:v>
                </c:pt>
                <c:pt idx="4726">
                  <c:v>0.102078</c:v>
                </c:pt>
                <c:pt idx="4727">
                  <c:v>0.10205599999999999</c:v>
                </c:pt>
                <c:pt idx="4728">
                  <c:v>0.102035</c:v>
                </c:pt>
                <c:pt idx="4729">
                  <c:v>0.10201399999999999</c:v>
                </c:pt>
                <c:pt idx="4730">
                  <c:v>0.101992</c:v>
                </c:pt>
                <c:pt idx="4731">
                  <c:v>0.10197100000000001</c:v>
                </c:pt>
                <c:pt idx="4732">
                  <c:v>0.10195</c:v>
                </c:pt>
                <c:pt idx="4733">
                  <c:v>0.101928</c:v>
                </c:pt>
                <c:pt idx="4734">
                  <c:v>0.101907</c:v>
                </c:pt>
                <c:pt idx="4735">
                  <c:v>0.101886</c:v>
                </c:pt>
                <c:pt idx="4736">
                  <c:v>0.101864</c:v>
                </c:pt>
                <c:pt idx="4737">
                  <c:v>0.101843</c:v>
                </c:pt>
                <c:pt idx="4738">
                  <c:v>0.101822</c:v>
                </c:pt>
                <c:pt idx="4739">
                  <c:v>0.1018</c:v>
                </c:pt>
                <c:pt idx="4740">
                  <c:v>0.10177899999999999</c:v>
                </c:pt>
                <c:pt idx="4741">
                  <c:v>0.101758</c:v>
                </c:pt>
                <c:pt idx="4742">
                  <c:v>0.10173699999999999</c:v>
                </c:pt>
                <c:pt idx="4743">
                  <c:v>0.101715</c:v>
                </c:pt>
                <c:pt idx="4744">
                  <c:v>0.10169400000000001</c:v>
                </c:pt>
                <c:pt idx="4745">
                  <c:v>0.101673</c:v>
                </c:pt>
                <c:pt idx="4746">
                  <c:v>0.10165200000000001</c:v>
                </c:pt>
                <c:pt idx="4747">
                  <c:v>0.101631</c:v>
                </c:pt>
                <c:pt idx="4748">
                  <c:v>0.101609</c:v>
                </c:pt>
                <c:pt idx="4749">
                  <c:v>0.101588</c:v>
                </c:pt>
                <c:pt idx="4750">
                  <c:v>0.101567</c:v>
                </c:pt>
                <c:pt idx="4751">
                  <c:v>0.101546</c:v>
                </c:pt>
                <c:pt idx="4752">
                  <c:v>0.101525</c:v>
                </c:pt>
                <c:pt idx="4753">
                  <c:v>0.101504</c:v>
                </c:pt>
                <c:pt idx="4754">
                  <c:v>0.101482</c:v>
                </c:pt>
                <c:pt idx="4755">
                  <c:v>0.101461</c:v>
                </c:pt>
                <c:pt idx="4756">
                  <c:v>0.10144</c:v>
                </c:pt>
                <c:pt idx="4757">
                  <c:v>0.101419</c:v>
                </c:pt>
                <c:pt idx="4758">
                  <c:v>0.101398</c:v>
                </c:pt>
                <c:pt idx="4759">
                  <c:v>0.10137699999999999</c:v>
                </c:pt>
                <c:pt idx="4760">
                  <c:v>0.101356</c:v>
                </c:pt>
                <c:pt idx="4761">
                  <c:v>0.10133499999999999</c:v>
                </c:pt>
                <c:pt idx="4762">
                  <c:v>0.101314</c:v>
                </c:pt>
                <c:pt idx="4763">
                  <c:v>0.10129299999999999</c:v>
                </c:pt>
                <c:pt idx="4764">
                  <c:v>0.101271</c:v>
                </c:pt>
                <c:pt idx="4765">
                  <c:v>0.10125000000000001</c:v>
                </c:pt>
                <c:pt idx="4766">
                  <c:v>0.101229</c:v>
                </c:pt>
                <c:pt idx="4767">
                  <c:v>0.10120800000000001</c:v>
                </c:pt>
                <c:pt idx="4768">
                  <c:v>0.101187</c:v>
                </c:pt>
                <c:pt idx="4769">
                  <c:v>0.10116600000000001</c:v>
                </c:pt>
                <c:pt idx="4770">
                  <c:v>0.101145</c:v>
                </c:pt>
                <c:pt idx="4771">
                  <c:v>0.10112400000000001</c:v>
                </c:pt>
                <c:pt idx="4772">
                  <c:v>0.101103</c:v>
                </c:pt>
                <c:pt idx="4773">
                  <c:v>0.10108200000000001</c:v>
                </c:pt>
                <c:pt idx="4774">
                  <c:v>0.101061</c:v>
                </c:pt>
                <c:pt idx="4775">
                  <c:v>0.10104</c:v>
                </c:pt>
                <c:pt idx="4776">
                  <c:v>0.10102</c:v>
                </c:pt>
                <c:pt idx="4777">
                  <c:v>0.10099900000000001</c:v>
                </c:pt>
                <c:pt idx="4778">
                  <c:v>0.100978</c:v>
                </c:pt>
                <c:pt idx="4779">
                  <c:v>0.10095700000000001</c:v>
                </c:pt>
                <c:pt idx="4780">
                  <c:v>0.100936</c:v>
                </c:pt>
                <c:pt idx="4781">
                  <c:v>0.100915</c:v>
                </c:pt>
                <c:pt idx="4782">
                  <c:v>0.100894</c:v>
                </c:pt>
                <c:pt idx="4783">
                  <c:v>0.100873</c:v>
                </c:pt>
                <c:pt idx="4784">
                  <c:v>0.100852</c:v>
                </c:pt>
                <c:pt idx="4785">
                  <c:v>0.100831</c:v>
                </c:pt>
                <c:pt idx="4786">
                  <c:v>0.10081</c:v>
                </c:pt>
                <c:pt idx="4787">
                  <c:v>0.10079</c:v>
                </c:pt>
                <c:pt idx="4788">
                  <c:v>0.100769</c:v>
                </c:pt>
                <c:pt idx="4789">
                  <c:v>0.100748</c:v>
                </c:pt>
                <c:pt idx="4790">
                  <c:v>0.100727</c:v>
                </c:pt>
                <c:pt idx="4791">
                  <c:v>0.100706</c:v>
                </c:pt>
                <c:pt idx="4792">
                  <c:v>0.100685</c:v>
                </c:pt>
                <c:pt idx="4793">
                  <c:v>0.100665</c:v>
                </c:pt>
                <c:pt idx="4794">
                  <c:v>0.100644</c:v>
                </c:pt>
                <c:pt idx="4795">
                  <c:v>0.100623</c:v>
                </c:pt>
                <c:pt idx="4796">
                  <c:v>0.100602</c:v>
                </c:pt>
                <c:pt idx="4797">
                  <c:v>0.100582</c:v>
                </c:pt>
                <c:pt idx="4798">
                  <c:v>0.100561</c:v>
                </c:pt>
                <c:pt idx="4799">
                  <c:v>0.10054</c:v>
                </c:pt>
                <c:pt idx="4800">
                  <c:v>0.100519</c:v>
                </c:pt>
                <c:pt idx="4801">
                  <c:v>0.100499</c:v>
                </c:pt>
                <c:pt idx="4802">
                  <c:v>0.100478</c:v>
                </c:pt>
                <c:pt idx="4803">
                  <c:v>0.100457</c:v>
                </c:pt>
                <c:pt idx="4804">
                  <c:v>0.100436</c:v>
                </c:pt>
                <c:pt idx="4805">
                  <c:v>0.10041600000000001</c:v>
                </c:pt>
                <c:pt idx="4806">
                  <c:v>0.100395</c:v>
                </c:pt>
                <c:pt idx="4807">
                  <c:v>0.100374</c:v>
                </c:pt>
                <c:pt idx="4808">
                  <c:v>0.100354</c:v>
                </c:pt>
                <c:pt idx="4809">
                  <c:v>0.10033300000000001</c:v>
                </c:pt>
                <c:pt idx="4810">
                  <c:v>0.100312</c:v>
                </c:pt>
                <c:pt idx="4811">
                  <c:v>0.10029200000000001</c:v>
                </c:pt>
                <c:pt idx="4812">
                  <c:v>0.100271</c:v>
                </c:pt>
                <c:pt idx="4813">
                  <c:v>0.10025000000000001</c:v>
                </c:pt>
                <c:pt idx="4814">
                  <c:v>0.10023</c:v>
                </c:pt>
                <c:pt idx="4815">
                  <c:v>0.10020900000000001</c:v>
                </c:pt>
                <c:pt idx="4816">
                  <c:v>0.100189</c:v>
                </c:pt>
                <c:pt idx="4817">
                  <c:v>0.10016799999999999</c:v>
                </c:pt>
                <c:pt idx="4818">
                  <c:v>0.100147</c:v>
                </c:pt>
                <c:pt idx="4819">
                  <c:v>0.10012699999999999</c:v>
                </c:pt>
                <c:pt idx="4820">
                  <c:v>0.100106</c:v>
                </c:pt>
                <c:pt idx="4821">
                  <c:v>0.10008599999999999</c:v>
                </c:pt>
                <c:pt idx="4822">
                  <c:v>0.100065</c:v>
                </c:pt>
                <c:pt idx="4823">
                  <c:v>0.100045</c:v>
                </c:pt>
                <c:pt idx="4824">
                  <c:v>0.100024</c:v>
                </c:pt>
                <c:pt idx="4825">
                  <c:v>0.10000299999999999</c:v>
                </c:pt>
                <c:pt idx="4826">
                  <c:v>9.9983000000000002E-2</c:v>
                </c:pt>
                <c:pt idx="4827">
                  <c:v>9.9961999999999995E-2</c:v>
                </c:pt>
                <c:pt idx="4828">
                  <c:v>9.9942000000000003E-2</c:v>
                </c:pt>
                <c:pt idx="4829">
                  <c:v>9.9920999999999996E-2</c:v>
                </c:pt>
                <c:pt idx="4830">
                  <c:v>9.9901000000000004E-2</c:v>
                </c:pt>
                <c:pt idx="4831">
                  <c:v>9.9879999999999997E-2</c:v>
                </c:pt>
                <c:pt idx="4832">
                  <c:v>9.9860000000000004E-2</c:v>
                </c:pt>
                <c:pt idx="4833">
                  <c:v>9.9839999999999998E-2</c:v>
                </c:pt>
                <c:pt idx="4834">
                  <c:v>9.9819000000000005E-2</c:v>
                </c:pt>
                <c:pt idx="4835">
                  <c:v>9.9798999999999999E-2</c:v>
                </c:pt>
                <c:pt idx="4836">
                  <c:v>9.9778000000000006E-2</c:v>
                </c:pt>
                <c:pt idx="4837">
                  <c:v>9.9757999999999999E-2</c:v>
                </c:pt>
                <c:pt idx="4838">
                  <c:v>9.9737000000000006E-2</c:v>
                </c:pt>
                <c:pt idx="4839">
                  <c:v>9.9717E-2</c:v>
                </c:pt>
                <c:pt idx="4840">
                  <c:v>9.9696999999999994E-2</c:v>
                </c:pt>
                <c:pt idx="4841">
                  <c:v>9.9676000000000001E-2</c:v>
                </c:pt>
                <c:pt idx="4842">
                  <c:v>9.9655999999999995E-2</c:v>
                </c:pt>
                <c:pt idx="4843">
                  <c:v>9.9635000000000001E-2</c:v>
                </c:pt>
                <c:pt idx="4844">
                  <c:v>9.9614999999999995E-2</c:v>
                </c:pt>
                <c:pt idx="4845">
                  <c:v>9.9595000000000003E-2</c:v>
                </c:pt>
                <c:pt idx="4846">
                  <c:v>9.9573999999999996E-2</c:v>
                </c:pt>
                <c:pt idx="4847">
                  <c:v>9.9554000000000004E-2</c:v>
                </c:pt>
                <c:pt idx="4848">
                  <c:v>9.9533999999999997E-2</c:v>
                </c:pt>
                <c:pt idx="4849">
                  <c:v>9.9513000000000004E-2</c:v>
                </c:pt>
                <c:pt idx="4850">
                  <c:v>9.9492999999999998E-2</c:v>
                </c:pt>
                <c:pt idx="4851">
                  <c:v>9.9473000000000006E-2</c:v>
                </c:pt>
                <c:pt idx="4852">
                  <c:v>9.9451999999999999E-2</c:v>
                </c:pt>
                <c:pt idx="4853">
                  <c:v>9.9432000000000006E-2</c:v>
                </c:pt>
                <c:pt idx="4854">
                  <c:v>9.9412E-2</c:v>
                </c:pt>
                <c:pt idx="4855">
                  <c:v>9.9390999999999993E-2</c:v>
                </c:pt>
                <c:pt idx="4856">
                  <c:v>9.9371000000000001E-2</c:v>
                </c:pt>
                <c:pt idx="4857">
                  <c:v>9.9350999999999995E-2</c:v>
                </c:pt>
                <c:pt idx="4858">
                  <c:v>9.9331000000000003E-2</c:v>
                </c:pt>
                <c:pt idx="4859">
                  <c:v>9.9309999999999996E-2</c:v>
                </c:pt>
                <c:pt idx="4860">
                  <c:v>9.9290000000000003E-2</c:v>
                </c:pt>
                <c:pt idx="4861">
                  <c:v>9.9269999999999997E-2</c:v>
                </c:pt>
                <c:pt idx="4862">
                  <c:v>9.9250000000000005E-2</c:v>
                </c:pt>
                <c:pt idx="4863">
                  <c:v>9.9228999999999998E-2</c:v>
                </c:pt>
                <c:pt idx="4864">
                  <c:v>9.9209000000000006E-2</c:v>
                </c:pt>
                <c:pt idx="4865">
                  <c:v>9.9188999999999999E-2</c:v>
                </c:pt>
                <c:pt idx="4866">
                  <c:v>9.9168999999999993E-2</c:v>
                </c:pt>
                <c:pt idx="4867">
                  <c:v>9.9149000000000001E-2</c:v>
                </c:pt>
                <c:pt idx="4868">
                  <c:v>9.9128999999999995E-2</c:v>
                </c:pt>
                <c:pt idx="4869">
                  <c:v>9.9108000000000002E-2</c:v>
                </c:pt>
                <c:pt idx="4870">
                  <c:v>9.9087999999999996E-2</c:v>
                </c:pt>
                <c:pt idx="4871">
                  <c:v>9.9068000000000003E-2</c:v>
                </c:pt>
                <c:pt idx="4872">
                  <c:v>9.9047999999999997E-2</c:v>
                </c:pt>
                <c:pt idx="4873">
                  <c:v>9.9028000000000005E-2</c:v>
                </c:pt>
                <c:pt idx="4874">
                  <c:v>9.9007999999999999E-2</c:v>
                </c:pt>
                <c:pt idx="4875">
                  <c:v>9.8988000000000007E-2</c:v>
                </c:pt>
                <c:pt idx="4876">
                  <c:v>9.8966999999999999E-2</c:v>
                </c:pt>
                <c:pt idx="4877">
                  <c:v>9.8946999999999993E-2</c:v>
                </c:pt>
                <c:pt idx="4878">
                  <c:v>9.8927000000000001E-2</c:v>
                </c:pt>
                <c:pt idx="4879">
                  <c:v>9.8906999999999995E-2</c:v>
                </c:pt>
                <c:pt idx="4880">
                  <c:v>9.8887000000000003E-2</c:v>
                </c:pt>
                <c:pt idx="4881">
                  <c:v>9.8866999999999997E-2</c:v>
                </c:pt>
                <c:pt idx="4882">
                  <c:v>9.8847000000000004E-2</c:v>
                </c:pt>
                <c:pt idx="4883">
                  <c:v>9.8826999999999998E-2</c:v>
                </c:pt>
                <c:pt idx="4884">
                  <c:v>9.8807000000000006E-2</c:v>
                </c:pt>
                <c:pt idx="4885">
                  <c:v>9.8787E-2</c:v>
                </c:pt>
                <c:pt idx="4886">
                  <c:v>9.8766999999999994E-2</c:v>
                </c:pt>
                <c:pt idx="4887">
                  <c:v>9.8747000000000001E-2</c:v>
                </c:pt>
                <c:pt idx="4888">
                  <c:v>9.8726999999999995E-2</c:v>
                </c:pt>
                <c:pt idx="4889">
                  <c:v>9.8707000000000003E-2</c:v>
                </c:pt>
                <c:pt idx="4890">
                  <c:v>9.8686999999999997E-2</c:v>
                </c:pt>
                <c:pt idx="4891">
                  <c:v>9.8667000000000005E-2</c:v>
                </c:pt>
                <c:pt idx="4892">
                  <c:v>9.8646999999999999E-2</c:v>
                </c:pt>
                <c:pt idx="4893">
                  <c:v>9.8627000000000006E-2</c:v>
                </c:pt>
                <c:pt idx="4894">
                  <c:v>9.8607E-2</c:v>
                </c:pt>
                <c:pt idx="4895">
                  <c:v>9.8586999999999994E-2</c:v>
                </c:pt>
                <c:pt idx="4896">
                  <c:v>9.8567000000000002E-2</c:v>
                </c:pt>
                <c:pt idx="4897">
                  <c:v>9.8546999999999996E-2</c:v>
                </c:pt>
                <c:pt idx="4898">
                  <c:v>9.8527000000000003E-2</c:v>
                </c:pt>
                <c:pt idx="4899">
                  <c:v>9.8506999999999997E-2</c:v>
                </c:pt>
                <c:pt idx="4900">
                  <c:v>9.8487000000000005E-2</c:v>
                </c:pt>
                <c:pt idx="4901">
                  <c:v>9.8466999999999999E-2</c:v>
                </c:pt>
                <c:pt idx="4902">
                  <c:v>9.8447000000000007E-2</c:v>
                </c:pt>
                <c:pt idx="4903">
                  <c:v>9.8428000000000002E-2</c:v>
                </c:pt>
                <c:pt idx="4904">
                  <c:v>9.8407999999999995E-2</c:v>
                </c:pt>
                <c:pt idx="4905">
                  <c:v>9.8388000000000003E-2</c:v>
                </c:pt>
                <c:pt idx="4906">
                  <c:v>9.8367999999999997E-2</c:v>
                </c:pt>
                <c:pt idx="4907">
                  <c:v>9.8348000000000005E-2</c:v>
                </c:pt>
                <c:pt idx="4908">
                  <c:v>9.8327999999999999E-2</c:v>
                </c:pt>
                <c:pt idx="4909">
                  <c:v>9.8308000000000006E-2</c:v>
                </c:pt>
                <c:pt idx="4910">
                  <c:v>9.8289000000000001E-2</c:v>
                </c:pt>
                <c:pt idx="4911">
                  <c:v>9.8268999999999995E-2</c:v>
                </c:pt>
                <c:pt idx="4912">
                  <c:v>9.8249000000000003E-2</c:v>
                </c:pt>
                <c:pt idx="4913">
                  <c:v>9.8228999999999997E-2</c:v>
                </c:pt>
                <c:pt idx="4914">
                  <c:v>9.8209000000000005E-2</c:v>
                </c:pt>
                <c:pt idx="4915">
                  <c:v>9.8188999999999999E-2</c:v>
                </c:pt>
                <c:pt idx="4916">
                  <c:v>9.8169999999999993E-2</c:v>
                </c:pt>
                <c:pt idx="4917">
                  <c:v>9.8150000000000001E-2</c:v>
                </c:pt>
                <c:pt idx="4918">
                  <c:v>9.8129999999999995E-2</c:v>
                </c:pt>
                <c:pt idx="4919">
                  <c:v>9.8110000000000003E-2</c:v>
                </c:pt>
                <c:pt idx="4920">
                  <c:v>9.8090999999999998E-2</c:v>
                </c:pt>
                <c:pt idx="4921">
                  <c:v>9.8071000000000005E-2</c:v>
                </c:pt>
                <c:pt idx="4922">
                  <c:v>9.8050999999999999E-2</c:v>
                </c:pt>
                <c:pt idx="4923">
                  <c:v>9.8030999999999993E-2</c:v>
                </c:pt>
                <c:pt idx="4924">
                  <c:v>9.8012000000000002E-2</c:v>
                </c:pt>
                <c:pt idx="4925">
                  <c:v>9.7991999999999996E-2</c:v>
                </c:pt>
                <c:pt idx="4926">
                  <c:v>9.7972000000000004E-2</c:v>
                </c:pt>
                <c:pt idx="4927">
                  <c:v>9.7952999999999998E-2</c:v>
                </c:pt>
                <c:pt idx="4928">
                  <c:v>9.7933000000000006E-2</c:v>
                </c:pt>
                <c:pt idx="4929">
                  <c:v>9.7913E-2</c:v>
                </c:pt>
                <c:pt idx="4930">
                  <c:v>9.7892999999999994E-2</c:v>
                </c:pt>
                <c:pt idx="4931">
                  <c:v>9.7874000000000003E-2</c:v>
                </c:pt>
                <c:pt idx="4932">
                  <c:v>9.7853999999999997E-2</c:v>
                </c:pt>
                <c:pt idx="4933">
                  <c:v>9.7835000000000005E-2</c:v>
                </c:pt>
                <c:pt idx="4934">
                  <c:v>9.7814999999999999E-2</c:v>
                </c:pt>
                <c:pt idx="4935">
                  <c:v>9.7795000000000007E-2</c:v>
                </c:pt>
                <c:pt idx="4936">
                  <c:v>9.7776000000000002E-2</c:v>
                </c:pt>
                <c:pt idx="4937">
                  <c:v>9.7755999999999996E-2</c:v>
                </c:pt>
                <c:pt idx="4938">
                  <c:v>9.7736000000000003E-2</c:v>
                </c:pt>
                <c:pt idx="4939">
                  <c:v>9.7716999999999998E-2</c:v>
                </c:pt>
                <c:pt idx="4940">
                  <c:v>9.7697000000000006E-2</c:v>
                </c:pt>
                <c:pt idx="4941">
                  <c:v>9.7678000000000001E-2</c:v>
                </c:pt>
                <c:pt idx="4942">
                  <c:v>9.7657999999999995E-2</c:v>
                </c:pt>
                <c:pt idx="4943">
                  <c:v>9.7638000000000003E-2</c:v>
                </c:pt>
                <c:pt idx="4944">
                  <c:v>9.7618999999999997E-2</c:v>
                </c:pt>
                <c:pt idx="4945">
                  <c:v>9.7599000000000005E-2</c:v>
                </c:pt>
                <c:pt idx="4946">
                  <c:v>9.758E-2</c:v>
                </c:pt>
                <c:pt idx="4947">
                  <c:v>9.7559999999999994E-2</c:v>
                </c:pt>
                <c:pt idx="4948">
                  <c:v>9.7541000000000003E-2</c:v>
                </c:pt>
                <c:pt idx="4949">
                  <c:v>9.7520999999999997E-2</c:v>
                </c:pt>
                <c:pt idx="4950">
                  <c:v>9.7502000000000005E-2</c:v>
                </c:pt>
                <c:pt idx="4951">
                  <c:v>9.7481999999999999E-2</c:v>
                </c:pt>
                <c:pt idx="4952">
                  <c:v>9.7462999999999994E-2</c:v>
                </c:pt>
                <c:pt idx="4953">
                  <c:v>9.7443000000000002E-2</c:v>
                </c:pt>
                <c:pt idx="4954">
                  <c:v>9.7423999999999997E-2</c:v>
                </c:pt>
                <c:pt idx="4955">
                  <c:v>9.7404000000000004E-2</c:v>
                </c:pt>
                <c:pt idx="4956">
                  <c:v>9.7384999999999999E-2</c:v>
                </c:pt>
                <c:pt idx="4957">
                  <c:v>9.7364999999999993E-2</c:v>
                </c:pt>
                <c:pt idx="4958">
                  <c:v>9.7346000000000002E-2</c:v>
                </c:pt>
                <c:pt idx="4959">
                  <c:v>9.7325999999999996E-2</c:v>
                </c:pt>
                <c:pt idx="4960">
                  <c:v>9.7307000000000005E-2</c:v>
                </c:pt>
                <c:pt idx="4961">
                  <c:v>9.7286999999999998E-2</c:v>
                </c:pt>
                <c:pt idx="4962">
                  <c:v>9.7267999999999993E-2</c:v>
                </c:pt>
                <c:pt idx="4963">
                  <c:v>9.7249000000000002E-2</c:v>
                </c:pt>
                <c:pt idx="4964">
                  <c:v>9.7228999999999996E-2</c:v>
                </c:pt>
                <c:pt idx="4965">
                  <c:v>9.7210000000000005E-2</c:v>
                </c:pt>
                <c:pt idx="4966">
                  <c:v>9.7189999999999999E-2</c:v>
                </c:pt>
                <c:pt idx="4967">
                  <c:v>9.7170999999999993E-2</c:v>
                </c:pt>
                <c:pt idx="4968">
                  <c:v>9.7152000000000002E-2</c:v>
                </c:pt>
                <c:pt idx="4969">
                  <c:v>9.7131999999999996E-2</c:v>
                </c:pt>
                <c:pt idx="4970">
                  <c:v>9.7113000000000005E-2</c:v>
                </c:pt>
                <c:pt idx="4971">
                  <c:v>9.7094E-2</c:v>
                </c:pt>
                <c:pt idx="4972">
                  <c:v>9.7073999999999994E-2</c:v>
                </c:pt>
                <c:pt idx="4973">
                  <c:v>9.7055000000000002E-2</c:v>
                </c:pt>
                <c:pt idx="4974">
                  <c:v>9.7034999999999996E-2</c:v>
                </c:pt>
                <c:pt idx="4975">
                  <c:v>9.7016000000000005E-2</c:v>
                </c:pt>
                <c:pt idx="4976">
                  <c:v>9.6997E-2</c:v>
                </c:pt>
                <c:pt idx="4977">
                  <c:v>9.6977999999999995E-2</c:v>
                </c:pt>
                <c:pt idx="4978">
                  <c:v>9.6958000000000003E-2</c:v>
                </c:pt>
                <c:pt idx="4979">
                  <c:v>9.6938999999999997E-2</c:v>
                </c:pt>
                <c:pt idx="4980">
                  <c:v>9.6920000000000006E-2</c:v>
                </c:pt>
                <c:pt idx="4981">
                  <c:v>9.69E-2</c:v>
                </c:pt>
                <c:pt idx="4982">
                  <c:v>9.6880999999999995E-2</c:v>
                </c:pt>
                <c:pt idx="4983">
                  <c:v>9.6862000000000004E-2</c:v>
                </c:pt>
                <c:pt idx="4984">
                  <c:v>9.6842999999999999E-2</c:v>
                </c:pt>
                <c:pt idx="4985">
                  <c:v>9.6823000000000006E-2</c:v>
                </c:pt>
                <c:pt idx="4986">
                  <c:v>9.6804000000000001E-2</c:v>
                </c:pt>
                <c:pt idx="4987">
                  <c:v>9.6784999999999996E-2</c:v>
                </c:pt>
                <c:pt idx="4988">
                  <c:v>9.6766000000000005E-2</c:v>
                </c:pt>
                <c:pt idx="4989">
                  <c:v>9.6745999999999999E-2</c:v>
                </c:pt>
                <c:pt idx="4990">
                  <c:v>9.6726999999999994E-2</c:v>
                </c:pt>
                <c:pt idx="4991">
                  <c:v>9.6708000000000002E-2</c:v>
                </c:pt>
                <c:pt idx="4992">
                  <c:v>9.6688999999999997E-2</c:v>
                </c:pt>
                <c:pt idx="4993">
                  <c:v>9.6670000000000006E-2</c:v>
                </c:pt>
                <c:pt idx="4994">
                  <c:v>9.665E-2</c:v>
                </c:pt>
                <c:pt idx="4995">
                  <c:v>9.6630999999999995E-2</c:v>
                </c:pt>
                <c:pt idx="4996">
                  <c:v>9.6612000000000003E-2</c:v>
                </c:pt>
                <c:pt idx="4997">
                  <c:v>9.6592999999999998E-2</c:v>
                </c:pt>
                <c:pt idx="4998">
                  <c:v>9.6573999999999993E-2</c:v>
                </c:pt>
                <c:pt idx="4999">
                  <c:v>9.6555000000000002E-2</c:v>
                </c:pt>
                <c:pt idx="5000">
                  <c:v>9.6535999999999997E-2</c:v>
                </c:pt>
                <c:pt idx="5001">
                  <c:v>9.6516000000000005E-2</c:v>
                </c:pt>
                <c:pt idx="5002">
                  <c:v>9.6496999999999999E-2</c:v>
                </c:pt>
                <c:pt idx="5003">
                  <c:v>9.6477999999999994E-2</c:v>
                </c:pt>
                <c:pt idx="5004">
                  <c:v>9.6459000000000003E-2</c:v>
                </c:pt>
                <c:pt idx="5005">
                  <c:v>9.6439999999999998E-2</c:v>
                </c:pt>
                <c:pt idx="5006">
                  <c:v>9.6421000000000007E-2</c:v>
                </c:pt>
                <c:pt idx="5007">
                  <c:v>9.6402000000000002E-2</c:v>
                </c:pt>
                <c:pt idx="5008">
                  <c:v>9.6382999999999996E-2</c:v>
                </c:pt>
                <c:pt idx="5009">
                  <c:v>9.6364000000000005E-2</c:v>
                </c:pt>
                <c:pt idx="5010">
                  <c:v>9.6345E-2</c:v>
                </c:pt>
                <c:pt idx="5011">
                  <c:v>9.6325999999999995E-2</c:v>
                </c:pt>
                <c:pt idx="5012">
                  <c:v>9.6307000000000004E-2</c:v>
                </c:pt>
                <c:pt idx="5013">
                  <c:v>9.6286999999999998E-2</c:v>
                </c:pt>
                <c:pt idx="5014">
                  <c:v>9.6268000000000006E-2</c:v>
                </c:pt>
                <c:pt idx="5015">
                  <c:v>9.6249000000000001E-2</c:v>
                </c:pt>
                <c:pt idx="5016">
                  <c:v>9.6229999999999996E-2</c:v>
                </c:pt>
                <c:pt idx="5017">
                  <c:v>9.6211000000000005E-2</c:v>
                </c:pt>
                <c:pt idx="5018">
                  <c:v>9.6192E-2</c:v>
                </c:pt>
                <c:pt idx="5019">
                  <c:v>9.6172999999999995E-2</c:v>
                </c:pt>
                <c:pt idx="5020">
                  <c:v>9.6154000000000003E-2</c:v>
                </c:pt>
                <c:pt idx="5021">
                  <c:v>9.6134999999999998E-2</c:v>
                </c:pt>
                <c:pt idx="5022">
                  <c:v>9.6115999999999993E-2</c:v>
                </c:pt>
                <c:pt idx="5023">
                  <c:v>9.6098000000000003E-2</c:v>
                </c:pt>
                <c:pt idx="5024">
                  <c:v>9.6078999999999998E-2</c:v>
                </c:pt>
                <c:pt idx="5025">
                  <c:v>9.6060000000000006E-2</c:v>
                </c:pt>
                <c:pt idx="5026">
                  <c:v>9.6041000000000001E-2</c:v>
                </c:pt>
                <c:pt idx="5027">
                  <c:v>9.6021999999999996E-2</c:v>
                </c:pt>
                <c:pt idx="5028">
                  <c:v>9.6003000000000005E-2</c:v>
                </c:pt>
                <c:pt idx="5029">
                  <c:v>9.5984E-2</c:v>
                </c:pt>
                <c:pt idx="5030">
                  <c:v>9.5964999999999995E-2</c:v>
                </c:pt>
                <c:pt idx="5031">
                  <c:v>9.5946000000000004E-2</c:v>
                </c:pt>
                <c:pt idx="5032">
                  <c:v>9.5926999999999998E-2</c:v>
                </c:pt>
                <c:pt idx="5033">
                  <c:v>9.5907999999999993E-2</c:v>
                </c:pt>
                <c:pt idx="5034">
                  <c:v>9.5889000000000002E-2</c:v>
                </c:pt>
                <c:pt idx="5035">
                  <c:v>9.5870999999999998E-2</c:v>
                </c:pt>
                <c:pt idx="5036">
                  <c:v>9.5852000000000007E-2</c:v>
                </c:pt>
                <c:pt idx="5037">
                  <c:v>9.5833000000000002E-2</c:v>
                </c:pt>
                <c:pt idx="5038">
                  <c:v>9.5813999999999996E-2</c:v>
                </c:pt>
                <c:pt idx="5039">
                  <c:v>9.5795000000000005E-2</c:v>
                </c:pt>
                <c:pt idx="5040">
                  <c:v>9.5776E-2</c:v>
                </c:pt>
                <c:pt idx="5041">
                  <c:v>9.5756999999999995E-2</c:v>
                </c:pt>
                <c:pt idx="5042">
                  <c:v>9.5739000000000005E-2</c:v>
                </c:pt>
                <c:pt idx="5043">
                  <c:v>9.572E-2</c:v>
                </c:pt>
                <c:pt idx="5044">
                  <c:v>9.5700999999999994E-2</c:v>
                </c:pt>
                <c:pt idx="5045">
                  <c:v>9.5682000000000003E-2</c:v>
                </c:pt>
                <c:pt idx="5046">
                  <c:v>9.5662999999999998E-2</c:v>
                </c:pt>
                <c:pt idx="5047">
                  <c:v>9.5644999999999994E-2</c:v>
                </c:pt>
                <c:pt idx="5048">
                  <c:v>9.5626000000000003E-2</c:v>
                </c:pt>
                <c:pt idx="5049">
                  <c:v>9.5606999999999998E-2</c:v>
                </c:pt>
                <c:pt idx="5050">
                  <c:v>9.5588000000000006E-2</c:v>
                </c:pt>
                <c:pt idx="5051">
                  <c:v>9.5570000000000002E-2</c:v>
                </c:pt>
                <c:pt idx="5052">
                  <c:v>9.5550999999999997E-2</c:v>
                </c:pt>
                <c:pt idx="5053">
                  <c:v>9.5532000000000006E-2</c:v>
                </c:pt>
                <c:pt idx="5054">
                  <c:v>9.5513000000000001E-2</c:v>
                </c:pt>
                <c:pt idx="5055">
                  <c:v>9.5494999999999997E-2</c:v>
                </c:pt>
                <c:pt idx="5056">
                  <c:v>9.5476000000000005E-2</c:v>
                </c:pt>
                <c:pt idx="5057">
                  <c:v>9.5457E-2</c:v>
                </c:pt>
                <c:pt idx="5058">
                  <c:v>9.5438999999999996E-2</c:v>
                </c:pt>
                <c:pt idx="5059">
                  <c:v>9.5420000000000005E-2</c:v>
                </c:pt>
                <c:pt idx="5060">
                  <c:v>9.5401E-2</c:v>
                </c:pt>
                <c:pt idx="5061">
                  <c:v>9.5381999999999995E-2</c:v>
                </c:pt>
                <c:pt idx="5062">
                  <c:v>9.5364000000000004E-2</c:v>
                </c:pt>
                <c:pt idx="5063">
                  <c:v>9.5344999999999999E-2</c:v>
                </c:pt>
                <c:pt idx="5064">
                  <c:v>9.5325999999999994E-2</c:v>
                </c:pt>
                <c:pt idx="5065">
                  <c:v>9.5308000000000004E-2</c:v>
                </c:pt>
                <c:pt idx="5066">
                  <c:v>9.5288999999999999E-2</c:v>
                </c:pt>
                <c:pt idx="5067">
                  <c:v>9.5270999999999995E-2</c:v>
                </c:pt>
                <c:pt idx="5068">
                  <c:v>9.5252000000000003E-2</c:v>
                </c:pt>
                <c:pt idx="5069">
                  <c:v>9.5232999999999998E-2</c:v>
                </c:pt>
                <c:pt idx="5070">
                  <c:v>9.5214999999999994E-2</c:v>
                </c:pt>
                <c:pt idx="5071">
                  <c:v>9.5196000000000003E-2</c:v>
                </c:pt>
                <c:pt idx="5072">
                  <c:v>9.5176999999999998E-2</c:v>
                </c:pt>
                <c:pt idx="5073">
                  <c:v>9.5158999999999994E-2</c:v>
                </c:pt>
                <c:pt idx="5074">
                  <c:v>9.5140000000000002E-2</c:v>
                </c:pt>
                <c:pt idx="5075">
                  <c:v>9.5121999999999998E-2</c:v>
                </c:pt>
                <c:pt idx="5076">
                  <c:v>9.5102999999999993E-2</c:v>
                </c:pt>
                <c:pt idx="5077">
                  <c:v>9.5085000000000003E-2</c:v>
                </c:pt>
                <c:pt idx="5078">
                  <c:v>9.5065999999999998E-2</c:v>
                </c:pt>
                <c:pt idx="5079">
                  <c:v>9.5047000000000006E-2</c:v>
                </c:pt>
                <c:pt idx="5080">
                  <c:v>9.5029000000000002E-2</c:v>
                </c:pt>
                <c:pt idx="5081">
                  <c:v>9.5009999999999997E-2</c:v>
                </c:pt>
                <c:pt idx="5082">
                  <c:v>9.4991999999999993E-2</c:v>
                </c:pt>
                <c:pt idx="5083">
                  <c:v>9.4973000000000002E-2</c:v>
                </c:pt>
                <c:pt idx="5084">
                  <c:v>9.4954999999999998E-2</c:v>
                </c:pt>
                <c:pt idx="5085">
                  <c:v>9.4936000000000006E-2</c:v>
                </c:pt>
                <c:pt idx="5086">
                  <c:v>9.4918000000000002E-2</c:v>
                </c:pt>
                <c:pt idx="5087">
                  <c:v>9.4898999999999997E-2</c:v>
                </c:pt>
                <c:pt idx="5088">
                  <c:v>9.4880999999999993E-2</c:v>
                </c:pt>
                <c:pt idx="5089">
                  <c:v>9.4862000000000002E-2</c:v>
                </c:pt>
                <c:pt idx="5090">
                  <c:v>9.4843999999999998E-2</c:v>
                </c:pt>
                <c:pt idx="5091">
                  <c:v>9.4825000000000007E-2</c:v>
                </c:pt>
                <c:pt idx="5092">
                  <c:v>9.4807000000000002E-2</c:v>
                </c:pt>
                <c:pt idx="5093">
                  <c:v>9.4788999999999998E-2</c:v>
                </c:pt>
                <c:pt idx="5094">
                  <c:v>9.4769999999999993E-2</c:v>
                </c:pt>
                <c:pt idx="5095">
                  <c:v>9.4752000000000003E-2</c:v>
                </c:pt>
                <c:pt idx="5096">
                  <c:v>9.4732999999999998E-2</c:v>
                </c:pt>
                <c:pt idx="5097">
                  <c:v>9.4714999999999994E-2</c:v>
                </c:pt>
                <c:pt idx="5098">
                  <c:v>9.4696000000000002E-2</c:v>
                </c:pt>
                <c:pt idx="5099">
                  <c:v>9.4677999999999998E-2</c:v>
                </c:pt>
                <c:pt idx="5100">
                  <c:v>9.4659999999999994E-2</c:v>
                </c:pt>
                <c:pt idx="5101">
                  <c:v>9.4641000000000003E-2</c:v>
                </c:pt>
                <c:pt idx="5102">
                  <c:v>9.4622999999999999E-2</c:v>
                </c:pt>
                <c:pt idx="5103">
                  <c:v>9.4603999999999994E-2</c:v>
                </c:pt>
                <c:pt idx="5104">
                  <c:v>9.4586000000000003E-2</c:v>
                </c:pt>
                <c:pt idx="5105">
                  <c:v>9.4567999999999999E-2</c:v>
                </c:pt>
                <c:pt idx="5106">
                  <c:v>9.4548999999999994E-2</c:v>
                </c:pt>
                <c:pt idx="5107">
                  <c:v>9.4531000000000004E-2</c:v>
                </c:pt>
                <c:pt idx="5108">
                  <c:v>9.4513E-2</c:v>
                </c:pt>
                <c:pt idx="5109">
                  <c:v>9.4493999999999995E-2</c:v>
                </c:pt>
                <c:pt idx="5110">
                  <c:v>9.4476000000000004E-2</c:v>
                </c:pt>
                <c:pt idx="5111">
                  <c:v>9.4458E-2</c:v>
                </c:pt>
                <c:pt idx="5112">
                  <c:v>9.4438999999999995E-2</c:v>
                </c:pt>
                <c:pt idx="5113">
                  <c:v>9.4421000000000005E-2</c:v>
                </c:pt>
                <c:pt idx="5114">
                  <c:v>9.4403000000000001E-2</c:v>
                </c:pt>
                <c:pt idx="5115">
                  <c:v>9.4383999999999996E-2</c:v>
                </c:pt>
                <c:pt idx="5116">
                  <c:v>9.4366000000000005E-2</c:v>
                </c:pt>
                <c:pt idx="5117">
                  <c:v>9.4348000000000001E-2</c:v>
                </c:pt>
                <c:pt idx="5118">
                  <c:v>9.4329999999999997E-2</c:v>
                </c:pt>
                <c:pt idx="5119">
                  <c:v>9.4311000000000006E-2</c:v>
                </c:pt>
                <c:pt idx="5120">
                  <c:v>9.4293000000000002E-2</c:v>
                </c:pt>
                <c:pt idx="5121">
                  <c:v>9.4274999999999998E-2</c:v>
                </c:pt>
                <c:pt idx="5122">
                  <c:v>9.4256999999999994E-2</c:v>
                </c:pt>
                <c:pt idx="5123">
                  <c:v>9.4238000000000002E-2</c:v>
                </c:pt>
                <c:pt idx="5124">
                  <c:v>9.4219999999999998E-2</c:v>
                </c:pt>
                <c:pt idx="5125">
                  <c:v>9.4201999999999994E-2</c:v>
                </c:pt>
                <c:pt idx="5126">
                  <c:v>9.4184000000000004E-2</c:v>
                </c:pt>
                <c:pt idx="5127">
                  <c:v>9.4166E-2</c:v>
                </c:pt>
                <c:pt idx="5128">
                  <c:v>9.4146999999999995E-2</c:v>
                </c:pt>
                <c:pt idx="5129">
                  <c:v>9.4129000000000004E-2</c:v>
                </c:pt>
                <c:pt idx="5130">
                  <c:v>9.4111E-2</c:v>
                </c:pt>
                <c:pt idx="5131">
                  <c:v>9.4092999999999996E-2</c:v>
                </c:pt>
                <c:pt idx="5132">
                  <c:v>9.4075000000000006E-2</c:v>
                </c:pt>
                <c:pt idx="5133">
                  <c:v>9.4056000000000001E-2</c:v>
                </c:pt>
                <c:pt idx="5134">
                  <c:v>9.4037999999999997E-2</c:v>
                </c:pt>
                <c:pt idx="5135">
                  <c:v>9.4020000000000006E-2</c:v>
                </c:pt>
                <c:pt idx="5136">
                  <c:v>9.4002000000000002E-2</c:v>
                </c:pt>
                <c:pt idx="5137">
                  <c:v>9.3983999999999998E-2</c:v>
                </c:pt>
                <c:pt idx="5138">
                  <c:v>9.3965999999999994E-2</c:v>
                </c:pt>
                <c:pt idx="5139">
                  <c:v>9.3948000000000004E-2</c:v>
                </c:pt>
                <c:pt idx="5140">
                  <c:v>9.3928999999999999E-2</c:v>
                </c:pt>
                <c:pt idx="5141">
                  <c:v>9.3910999999999994E-2</c:v>
                </c:pt>
                <c:pt idx="5142">
                  <c:v>9.3893000000000004E-2</c:v>
                </c:pt>
                <c:pt idx="5143">
                  <c:v>9.3875E-2</c:v>
                </c:pt>
                <c:pt idx="5144">
                  <c:v>9.3856999999999996E-2</c:v>
                </c:pt>
                <c:pt idx="5145">
                  <c:v>9.3839000000000006E-2</c:v>
                </c:pt>
                <c:pt idx="5146">
                  <c:v>9.3821000000000002E-2</c:v>
                </c:pt>
                <c:pt idx="5147">
                  <c:v>9.3802999999999997E-2</c:v>
                </c:pt>
                <c:pt idx="5148">
                  <c:v>9.3784999999999993E-2</c:v>
                </c:pt>
                <c:pt idx="5149">
                  <c:v>9.3767000000000003E-2</c:v>
                </c:pt>
                <c:pt idx="5150">
                  <c:v>9.3748999999999999E-2</c:v>
                </c:pt>
                <c:pt idx="5151">
                  <c:v>9.3730999999999995E-2</c:v>
                </c:pt>
                <c:pt idx="5152">
                  <c:v>9.3713000000000005E-2</c:v>
                </c:pt>
                <c:pt idx="5153">
                  <c:v>9.3695000000000001E-2</c:v>
                </c:pt>
                <c:pt idx="5154">
                  <c:v>9.3676999999999996E-2</c:v>
                </c:pt>
                <c:pt idx="5155">
                  <c:v>9.3659000000000006E-2</c:v>
                </c:pt>
                <c:pt idx="5156">
                  <c:v>9.3641000000000002E-2</c:v>
                </c:pt>
                <c:pt idx="5157">
                  <c:v>9.3622999999999998E-2</c:v>
                </c:pt>
                <c:pt idx="5158">
                  <c:v>9.3604999999999994E-2</c:v>
                </c:pt>
                <c:pt idx="5159">
                  <c:v>9.3587000000000004E-2</c:v>
                </c:pt>
                <c:pt idx="5160">
                  <c:v>9.3568999999999999E-2</c:v>
                </c:pt>
                <c:pt idx="5161">
                  <c:v>9.3550999999999995E-2</c:v>
                </c:pt>
                <c:pt idx="5162">
                  <c:v>9.3533000000000005E-2</c:v>
                </c:pt>
                <c:pt idx="5163">
                  <c:v>9.3515000000000001E-2</c:v>
                </c:pt>
                <c:pt idx="5164">
                  <c:v>9.3496999999999997E-2</c:v>
                </c:pt>
                <c:pt idx="5165">
                  <c:v>9.3479000000000007E-2</c:v>
                </c:pt>
                <c:pt idx="5166">
                  <c:v>9.3461000000000002E-2</c:v>
                </c:pt>
                <c:pt idx="5167">
                  <c:v>9.3442999999999998E-2</c:v>
                </c:pt>
                <c:pt idx="5168">
                  <c:v>9.3424999999999994E-2</c:v>
                </c:pt>
                <c:pt idx="5169">
                  <c:v>9.3407000000000004E-2</c:v>
                </c:pt>
                <c:pt idx="5170">
                  <c:v>9.3389E-2</c:v>
                </c:pt>
                <c:pt idx="5171">
                  <c:v>9.3370999999999996E-2</c:v>
                </c:pt>
                <c:pt idx="5172">
                  <c:v>9.3353000000000005E-2</c:v>
                </c:pt>
                <c:pt idx="5173">
                  <c:v>9.3335000000000001E-2</c:v>
                </c:pt>
                <c:pt idx="5174">
                  <c:v>9.3317999999999998E-2</c:v>
                </c:pt>
                <c:pt idx="5175">
                  <c:v>9.3299999999999994E-2</c:v>
                </c:pt>
                <c:pt idx="5176">
                  <c:v>9.3282000000000004E-2</c:v>
                </c:pt>
                <c:pt idx="5177">
                  <c:v>9.3264E-2</c:v>
                </c:pt>
                <c:pt idx="5178">
                  <c:v>9.3245999999999996E-2</c:v>
                </c:pt>
                <c:pt idx="5179">
                  <c:v>9.3228000000000005E-2</c:v>
                </c:pt>
                <c:pt idx="5180">
                  <c:v>9.3210000000000001E-2</c:v>
                </c:pt>
                <c:pt idx="5181">
                  <c:v>9.3192999999999998E-2</c:v>
                </c:pt>
                <c:pt idx="5182">
                  <c:v>9.3174999999999994E-2</c:v>
                </c:pt>
                <c:pt idx="5183">
                  <c:v>9.3157000000000004E-2</c:v>
                </c:pt>
                <c:pt idx="5184">
                  <c:v>9.3139E-2</c:v>
                </c:pt>
                <c:pt idx="5185">
                  <c:v>9.3120999999999995E-2</c:v>
                </c:pt>
                <c:pt idx="5186">
                  <c:v>9.3104000000000006E-2</c:v>
                </c:pt>
                <c:pt idx="5187">
                  <c:v>9.3086000000000002E-2</c:v>
                </c:pt>
                <c:pt idx="5188">
                  <c:v>9.3067999999999998E-2</c:v>
                </c:pt>
                <c:pt idx="5189">
                  <c:v>9.3049999999999994E-2</c:v>
                </c:pt>
                <c:pt idx="5190">
                  <c:v>9.3032000000000004E-2</c:v>
                </c:pt>
                <c:pt idx="5191">
                  <c:v>9.3015E-2</c:v>
                </c:pt>
                <c:pt idx="5192">
                  <c:v>9.2996999999999996E-2</c:v>
                </c:pt>
                <c:pt idx="5193">
                  <c:v>9.2979000000000006E-2</c:v>
                </c:pt>
                <c:pt idx="5194">
                  <c:v>9.2961000000000002E-2</c:v>
                </c:pt>
                <c:pt idx="5195">
                  <c:v>9.2943999999999999E-2</c:v>
                </c:pt>
                <c:pt idx="5196">
                  <c:v>9.2925999999999995E-2</c:v>
                </c:pt>
                <c:pt idx="5197">
                  <c:v>9.2908000000000004E-2</c:v>
                </c:pt>
                <c:pt idx="5198">
                  <c:v>9.2891000000000001E-2</c:v>
                </c:pt>
                <c:pt idx="5199">
                  <c:v>9.2872999999999997E-2</c:v>
                </c:pt>
                <c:pt idx="5200">
                  <c:v>9.2854999999999993E-2</c:v>
                </c:pt>
                <c:pt idx="5201">
                  <c:v>9.2837000000000003E-2</c:v>
                </c:pt>
                <c:pt idx="5202">
                  <c:v>9.282E-2</c:v>
                </c:pt>
                <c:pt idx="5203">
                  <c:v>9.2801999999999996E-2</c:v>
                </c:pt>
                <c:pt idx="5204">
                  <c:v>9.2784000000000005E-2</c:v>
                </c:pt>
                <c:pt idx="5205">
                  <c:v>9.2767000000000002E-2</c:v>
                </c:pt>
                <c:pt idx="5206">
                  <c:v>9.2748999999999998E-2</c:v>
                </c:pt>
                <c:pt idx="5207">
                  <c:v>9.2730999999999994E-2</c:v>
                </c:pt>
                <c:pt idx="5208">
                  <c:v>9.2714000000000005E-2</c:v>
                </c:pt>
                <c:pt idx="5209">
                  <c:v>9.2696000000000001E-2</c:v>
                </c:pt>
                <c:pt idx="5210">
                  <c:v>9.2677999999999996E-2</c:v>
                </c:pt>
                <c:pt idx="5211">
                  <c:v>9.2660999999999993E-2</c:v>
                </c:pt>
                <c:pt idx="5212">
                  <c:v>9.2643000000000003E-2</c:v>
                </c:pt>
                <c:pt idx="5213">
                  <c:v>9.2626E-2</c:v>
                </c:pt>
                <c:pt idx="5214">
                  <c:v>9.2607999999999996E-2</c:v>
                </c:pt>
                <c:pt idx="5215">
                  <c:v>9.2590000000000006E-2</c:v>
                </c:pt>
                <c:pt idx="5216">
                  <c:v>9.2573000000000003E-2</c:v>
                </c:pt>
                <c:pt idx="5217">
                  <c:v>9.2554999999999998E-2</c:v>
                </c:pt>
                <c:pt idx="5218">
                  <c:v>9.2537999999999995E-2</c:v>
                </c:pt>
                <c:pt idx="5219">
                  <c:v>9.2520000000000005E-2</c:v>
                </c:pt>
                <c:pt idx="5220">
                  <c:v>9.2502000000000001E-2</c:v>
                </c:pt>
                <c:pt idx="5221">
                  <c:v>9.2484999999999998E-2</c:v>
                </c:pt>
                <c:pt idx="5222">
                  <c:v>9.2466999999999994E-2</c:v>
                </c:pt>
                <c:pt idx="5223">
                  <c:v>9.2450000000000004E-2</c:v>
                </c:pt>
                <c:pt idx="5224">
                  <c:v>9.2432E-2</c:v>
                </c:pt>
                <c:pt idx="5225">
                  <c:v>9.2414999999999997E-2</c:v>
                </c:pt>
                <c:pt idx="5226">
                  <c:v>9.2397000000000007E-2</c:v>
                </c:pt>
                <c:pt idx="5227">
                  <c:v>9.2380000000000004E-2</c:v>
                </c:pt>
                <c:pt idx="5228">
                  <c:v>9.2362E-2</c:v>
                </c:pt>
                <c:pt idx="5229">
                  <c:v>9.2344999999999997E-2</c:v>
                </c:pt>
                <c:pt idx="5230">
                  <c:v>9.2327000000000006E-2</c:v>
                </c:pt>
                <c:pt idx="5231">
                  <c:v>9.2310000000000003E-2</c:v>
                </c:pt>
                <c:pt idx="5232">
                  <c:v>9.2291999999999999E-2</c:v>
                </c:pt>
                <c:pt idx="5233">
                  <c:v>9.2274999999999996E-2</c:v>
                </c:pt>
                <c:pt idx="5234">
                  <c:v>9.2257000000000006E-2</c:v>
                </c:pt>
                <c:pt idx="5235">
                  <c:v>9.2240000000000003E-2</c:v>
                </c:pt>
                <c:pt idx="5236">
                  <c:v>9.2221999999999998E-2</c:v>
                </c:pt>
                <c:pt idx="5237">
                  <c:v>9.2204999999999995E-2</c:v>
                </c:pt>
                <c:pt idx="5238">
                  <c:v>9.2187000000000005E-2</c:v>
                </c:pt>
                <c:pt idx="5239">
                  <c:v>9.2170000000000002E-2</c:v>
                </c:pt>
                <c:pt idx="5240">
                  <c:v>9.2151999999999998E-2</c:v>
                </c:pt>
                <c:pt idx="5241">
                  <c:v>9.2134999999999995E-2</c:v>
                </c:pt>
                <c:pt idx="5242">
                  <c:v>9.2118000000000005E-2</c:v>
                </c:pt>
                <c:pt idx="5243">
                  <c:v>9.2100000000000001E-2</c:v>
                </c:pt>
                <c:pt idx="5244">
                  <c:v>9.2082999999999998E-2</c:v>
                </c:pt>
                <c:pt idx="5245">
                  <c:v>9.2064999999999994E-2</c:v>
                </c:pt>
                <c:pt idx="5246">
                  <c:v>9.2048000000000005E-2</c:v>
                </c:pt>
                <c:pt idx="5247">
                  <c:v>9.2031000000000002E-2</c:v>
                </c:pt>
                <c:pt idx="5248">
                  <c:v>9.2012999999999998E-2</c:v>
                </c:pt>
                <c:pt idx="5249">
                  <c:v>9.1995999999999994E-2</c:v>
                </c:pt>
                <c:pt idx="5250">
                  <c:v>9.1978000000000004E-2</c:v>
                </c:pt>
                <c:pt idx="5251">
                  <c:v>9.1961000000000001E-2</c:v>
                </c:pt>
                <c:pt idx="5252">
                  <c:v>9.1943999999999998E-2</c:v>
                </c:pt>
                <c:pt idx="5253">
                  <c:v>9.1925999999999994E-2</c:v>
                </c:pt>
                <c:pt idx="5254">
                  <c:v>9.1909000000000005E-2</c:v>
                </c:pt>
                <c:pt idx="5255">
                  <c:v>9.1892000000000001E-2</c:v>
                </c:pt>
                <c:pt idx="5256">
                  <c:v>9.1873999999999997E-2</c:v>
                </c:pt>
                <c:pt idx="5257">
                  <c:v>9.1856999999999994E-2</c:v>
                </c:pt>
                <c:pt idx="5258">
                  <c:v>9.1840000000000005E-2</c:v>
                </c:pt>
                <c:pt idx="5259">
                  <c:v>9.1822000000000001E-2</c:v>
                </c:pt>
                <c:pt idx="5260">
                  <c:v>9.1804999999999998E-2</c:v>
                </c:pt>
                <c:pt idx="5261">
                  <c:v>9.1787999999999995E-2</c:v>
                </c:pt>
                <c:pt idx="5262">
                  <c:v>9.1770000000000004E-2</c:v>
                </c:pt>
                <c:pt idx="5263">
                  <c:v>9.1753000000000001E-2</c:v>
                </c:pt>
                <c:pt idx="5264">
                  <c:v>9.1735999999999998E-2</c:v>
                </c:pt>
                <c:pt idx="5265">
                  <c:v>9.1718999999999995E-2</c:v>
                </c:pt>
                <c:pt idx="5266">
                  <c:v>9.1701000000000005E-2</c:v>
                </c:pt>
                <c:pt idx="5267">
                  <c:v>9.1684000000000002E-2</c:v>
                </c:pt>
                <c:pt idx="5268">
                  <c:v>9.1666999999999998E-2</c:v>
                </c:pt>
                <c:pt idx="5269">
                  <c:v>9.1649999999999995E-2</c:v>
                </c:pt>
                <c:pt idx="5270">
                  <c:v>9.1632000000000005E-2</c:v>
                </c:pt>
                <c:pt idx="5271">
                  <c:v>9.1615000000000002E-2</c:v>
                </c:pt>
                <c:pt idx="5272">
                  <c:v>9.1597999999999999E-2</c:v>
                </c:pt>
                <c:pt idx="5273">
                  <c:v>9.1580999999999996E-2</c:v>
                </c:pt>
                <c:pt idx="5274">
                  <c:v>9.1563000000000005E-2</c:v>
                </c:pt>
                <c:pt idx="5275">
                  <c:v>9.1546000000000002E-2</c:v>
                </c:pt>
                <c:pt idx="5276">
                  <c:v>9.1528999999999999E-2</c:v>
                </c:pt>
                <c:pt idx="5277">
                  <c:v>9.1511999999999996E-2</c:v>
                </c:pt>
                <c:pt idx="5278">
                  <c:v>9.1495000000000007E-2</c:v>
                </c:pt>
                <c:pt idx="5279">
                  <c:v>9.1477000000000003E-2</c:v>
                </c:pt>
                <c:pt idx="5280">
                  <c:v>9.146E-2</c:v>
                </c:pt>
                <c:pt idx="5281">
                  <c:v>9.1442999999999997E-2</c:v>
                </c:pt>
                <c:pt idx="5282">
                  <c:v>9.1425999999999993E-2</c:v>
                </c:pt>
                <c:pt idx="5283">
                  <c:v>9.1409000000000004E-2</c:v>
                </c:pt>
                <c:pt idx="5284">
                  <c:v>9.1392000000000001E-2</c:v>
                </c:pt>
                <c:pt idx="5285">
                  <c:v>9.1373999999999997E-2</c:v>
                </c:pt>
                <c:pt idx="5286">
                  <c:v>9.1356999999999994E-2</c:v>
                </c:pt>
                <c:pt idx="5287">
                  <c:v>9.1340000000000005E-2</c:v>
                </c:pt>
                <c:pt idx="5288">
                  <c:v>9.1323000000000001E-2</c:v>
                </c:pt>
                <c:pt idx="5289">
                  <c:v>9.1305999999999998E-2</c:v>
                </c:pt>
                <c:pt idx="5290">
                  <c:v>9.1288999999999995E-2</c:v>
                </c:pt>
                <c:pt idx="5291">
                  <c:v>9.1272000000000006E-2</c:v>
                </c:pt>
                <c:pt idx="5292">
                  <c:v>9.1255000000000003E-2</c:v>
                </c:pt>
                <c:pt idx="5293">
                  <c:v>9.1238E-2</c:v>
                </c:pt>
                <c:pt idx="5294">
                  <c:v>9.1219999999999996E-2</c:v>
                </c:pt>
                <c:pt idx="5295">
                  <c:v>9.1203000000000006E-2</c:v>
                </c:pt>
                <c:pt idx="5296">
                  <c:v>9.1186000000000003E-2</c:v>
                </c:pt>
                <c:pt idx="5297">
                  <c:v>9.1169E-2</c:v>
                </c:pt>
                <c:pt idx="5298">
                  <c:v>9.1151999999999997E-2</c:v>
                </c:pt>
                <c:pt idx="5299">
                  <c:v>9.1134999999999994E-2</c:v>
                </c:pt>
                <c:pt idx="5300">
                  <c:v>9.1118000000000005E-2</c:v>
                </c:pt>
                <c:pt idx="5301">
                  <c:v>9.1101000000000001E-2</c:v>
                </c:pt>
                <c:pt idx="5302">
                  <c:v>9.1083999999999998E-2</c:v>
                </c:pt>
                <c:pt idx="5303">
                  <c:v>9.1066999999999995E-2</c:v>
                </c:pt>
                <c:pt idx="5304">
                  <c:v>9.1050000000000006E-2</c:v>
                </c:pt>
                <c:pt idx="5305">
                  <c:v>9.1033000000000003E-2</c:v>
                </c:pt>
                <c:pt idx="5306">
                  <c:v>9.1016E-2</c:v>
                </c:pt>
                <c:pt idx="5307">
                  <c:v>9.0998999999999997E-2</c:v>
                </c:pt>
                <c:pt idx="5308">
                  <c:v>9.0981999999999993E-2</c:v>
                </c:pt>
                <c:pt idx="5309">
                  <c:v>9.0965000000000004E-2</c:v>
                </c:pt>
                <c:pt idx="5310">
                  <c:v>9.0948000000000001E-2</c:v>
                </c:pt>
                <c:pt idx="5311">
                  <c:v>9.0930999999999998E-2</c:v>
                </c:pt>
                <c:pt idx="5312">
                  <c:v>9.0913999999999995E-2</c:v>
                </c:pt>
                <c:pt idx="5313">
                  <c:v>9.0897000000000006E-2</c:v>
                </c:pt>
                <c:pt idx="5314">
                  <c:v>9.0880000000000002E-2</c:v>
                </c:pt>
                <c:pt idx="5315">
                  <c:v>9.0862999999999999E-2</c:v>
                </c:pt>
                <c:pt idx="5316">
                  <c:v>9.0845999999999996E-2</c:v>
                </c:pt>
                <c:pt idx="5317">
                  <c:v>9.0828999999999993E-2</c:v>
                </c:pt>
                <c:pt idx="5318">
                  <c:v>9.0812000000000004E-2</c:v>
                </c:pt>
                <c:pt idx="5319">
                  <c:v>9.0795000000000001E-2</c:v>
                </c:pt>
                <c:pt idx="5320">
                  <c:v>9.0777999999999998E-2</c:v>
                </c:pt>
                <c:pt idx="5321">
                  <c:v>9.0760999999999994E-2</c:v>
                </c:pt>
                <c:pt idx="5322">
                  <c:v>9.0745000000000006E-2</c:v>
                </c:pt>
                <c:pt idx="5323">
                  <c:v>9.0728000000000003E-2</c:v>
                </c:pt>
                <c:pt idx="5324">
                  <c:v>9.0711E-2</c:v>
                </c:pt>
                <c:pt idx="5325">
                  <c:v>9.0693999999999997E-2</c:v>
                </c:pt>
                <c:pt idx="5326">
                  <c:v>9.0676999999999994E-2</c:v>
                </c:pt>
                <c:pt idx="5327">
                  <c:v>9.0660000000000004E-2</c:v>
                </c:pt>
                <c:pt idx="5328">
                  <c:v>9.0643000000000001E-2</c:v>
                </c:pt>
                <c:pt idx="5329">
                  <c:v>9.0625999999999998E-2</c:v>
                </c:pt>
                <c:pt idx="5330">
                  <c:v>9.0609999999999996E-2</c:v>
                </c:pt>
                <c:pt idx="5331">
                  <c:v>9.0593000000000007E-2</c:v>
                </c:pt>
                <c:pt idx="5332">
                  <c:v>9.0576000000000004E-2</c:v>
                </c:pt>
                <c:pt idx="5333">
                  <c:v>9.0559000000000001E-2</c:v>
                </c:pt>
                <c:pt idx="5334">
                  <c:v>9.0541999999999997E-2</c:v>
                </c:pt>
                <c:pt idx="5335">
                  <c:v>9.0524999999999994E-2</c:v>
                </c:pt>
                <c:pt idx="5336">
                  <c:v>9.0509000000000006E-2</c:v>
                </c:pt>
                <c:pt idx="5337">
                  <c:v>9.0492000000000003E-2</c:v>
                </c:pt>
                <c:pt idx="5338">
                  <c:v>9.0475E-2</c:v>
                </c:pt>
                <c:pt idx="5339">
                  <c:v>9.0457999999999997E-2</c:v>
                </c:pt>
                <c:pt idx="5340">
                  <c:v>9.0440999999999994E-2</c:v>
                </c:pt>
                <c:pt idx="5341">
                  <c:v>9.0424000000000004E-2</c:v>
                </c:pt>
                <c:pt idx="5342">
                  <c:v>9.0408000000000002E-2</c:v>
                </c:pt>
                <c:pt idx="5343">
                  <c:v>9.0390999999999999E-2</c:v>
                </c:pt>
                <c:pt idx="5344">
                  <c:v>9.0373999999999996E-2</c:v>
                </c:pt>
                <c:pt idx="5345">
                  <c:v>9.0357000000000007E-2</c:v>
                </c:pt>
                <c:pt idx="5346">
                  <c:v>9.0341000000000005E-2</c:v>
                </c:pt>
                <c:pt idx="5347">
                  <c:v>9.0324000000000002E-2</c:v>
                </c:pt>
                <c:pt idx="5348">
                  <c:v>9.0306999999999998E-2</c:v>
                </c:pt>
                <c:pt idx="5349">
                  <c:v>9.0289999999999995E-2</c:v>
                </c:pt>
                <c:pt idx="5350">
                  <c:v>9.0273999999999993E-2</c:v>
                </c:pt>
                <c:pt idx="5351">
                  <c:v>9.0257000000000004E-2</c:v>
                </c:pt>
                <c:pt idx="5352">
                  <c:v>9.0240000000000001E-2</c:v>
                </c:pt>
                <c:pt idx="5353">
                  <c:v>9.0222999999999998E-2</c:v>
                </c:pt>
                <c:pt idx="5354">
                  <c:v>9.0206999999999996E-2</c:v>
                </c:pt>
                <c:pt idx="5355">
                  <c:v>9.0190000000000006E-2</c:v>
                </c:pt>
                <c:pt idx="5356">
                  <c:v>9.0173000000000003E-2</c:v>
                </c:pt>
                <c:pt idx="5357">
                  <c:v>9.0157000000000001E-2</c:v>
                </c:pt>
                <c:pt idx="5358">
                  <c:v>9.0139999999999998E-2</c:v>
                </c:pt>
                <c:pt idx="5359">
                  <c:v>9.0122999999999995E-2</c:v>
                </c:pt>
                <c:pt idx="5360">
                  <c:v>9.0107000000000007E-2</c:v>
                </c:pt>
                <c:pt idx="5361">
                  <c:v>9.0090000000000003E-2</c:v>
                </c:pt>
                <c:pt idx="5362">
                  <c:v>9.0073E-2</c:v>
                </c:pt>
                <c:pt idx="5363">
                  <c:v>9.0056999999999998E-2</c:v>
                </c:pt>
                <c:pt idx="5364">
                  <c:v>9.0039999999999995E-2</c:v>
                </c:pt>
                <c:pt idx="5365">
                  <c:v>9.0023000000000006E-2</c:v>
                </c:pt>
                <c:pt idx="5366">
                  <c:v>9.0007000000000004E-2</c:v>
                </c:pt>
                <c:pt idx="5367">
                  <c:v>8.9990000000000001E-2</c:v>
                </c:pt>
                <c:pt idx="5368">
                  <c:v>8.9972999999999997E-2</c:v>
                </c:pt>
                <c:pt idx="5369">
                  <c:v>8.9956999999999995E-2</c:v>
                </c:pt>
                <c:pt idx="5370">
                  <c:v>8.9940000000000006E-2</c:v>
                </c:pt>
                <c:pt idx="5371">
                  <c:v>8.9924000000000004E-2</c:v>
                </c:pt>
                <c:pt idx="5372">
                  <c:v>8.9907000000000001E-2</c:v>
                </c:pt>
                <c:pt idx="5373">
                  <c:v>8.9889999999999998E-2</c:v>
                </c:pt>
                <c:pt idx="5374">
                  <c:v>8.9873999999999996E-2</c:v>
                </c:pt>
                <c:pt idx="5375">
                  <c:v>8.9857000000000006E-2</c:v>
                </c:pt>
                <c:pt idx="5376">
                  <c:v>8.9841000000000004E-2</c:v>
                </c:pt>
                <c:pt idx="5377">
                  <c:v>8.9824000000000001E-2</c:v>
                </c:pt>
                <c:pt idx="5378">
                  <c:v>8.9807999999999999E-2</c:v>
                </c:pt>
                <c:pt idx="5379">
                  <c:v>8.9790999999999996E-2</c:v>
                </c:pt>
                <c:pt idx="5380">
                  <c:v>8.9774000000000007E-2</c:v>
                </c:pt>
                <c:pt idx="5381">
                  <c:v>8.9758000000000004E-2</c:v>
                </c:pt>
                <c:pt idx="5382">
                  <c:v>8.9741000000000001E-2</c:v>
                </c:pt>
                <c:pt idx="5383">
                  <c:v>8.9724999999999999E-2</c:v>
                </c:pt>
                <c:pt idx="5384">
                  <c:v>8.9707999999999996E-2</c:v>
                </c:pt>
                <c:pt idx="5385">
                  <c:v>8.9691999999999994E-2</c:v>
                </c:pt>
                <c:pt idx="5386">
                  <c:v>8.9675000000000005E-2</c:v>
                </c:pt>
                <c:pt idx="5387">
                  <c:v>8.9659000000000003E-2</c:v>
                </c:pt>
                <c:pt idx="5388">
                  <c:v>8.9641999999999999E-2</c:v>
                </c:pt>
                <c:pt idx="5389">
                  <c:v>8.9625999999999997E-2</c:v>
                </c:pt>
                <c:pt idx="5390">
                  <c:v>8.9608999999999994E-2</c:v>
                </c:pt>
                <c:pt idx="5391">
                  <c:v>8.9593000000000006E-2</c:v>
                </c:pt>
                <c:pt idx="5392">
                  <c:v>8.9576000000000003E-2</c:v>
                </c:pt>
                <c:pt idx="5393">
                  <c:v>8.9560000000000001E-2</c:v>
                </c:pt>
                <c:pt idx="5394">
                  <c:v>8.9542999999999998E-2</c:v>
                </c:pt>
                <c:pt idx="5395">
                  <c:v>8.9526999999999995E-2</c:v>
                </c:pt>
                <c:pt idx="5396">
                  <c:v>8.9510999999999993E-2</c:v>
                </c:pt>
                <c:pt idx="5397">
                  <c:v>8.9494000000000004E-2</c:v>
                </c:pt>
                <c:pt idx="5398">
                  <c:v>8.9478000000000002E-2</c:v>
                </c:pt>
                <c:pt idx="5399">
                  <c:v>8.9460999999999999E-2</c:v>
                </c:pt>
                <c:pt idx="5400">
                  <c:v>8.9444999999999997E-2</c:v>
                </c:pt>
                <c:pt idx="5401">
                  <c:v>8.9427999999999994E-2</c:v>
                </c:pt>
                <c:pt idx="5402">
                  <c:v>8.9412000000000005E-2</c:v>
                </c:pt>
                <c:pt idx="5403">
                  <c:v>8.9396000000000003E-2</c:v>
                </c:pt>
                <c:pt idx="5404">
                  <c:v>8.9379E-2</c:v>
                </c:pt>
                <c:pt idx="5405">
                  <c:v>8.9362999999999998E-2</c:v>
                </c:pt>
                <c:pt idx="5406">
                  <c:v>8.9345999999999995E-2</c:v>
                </c:pt>
                <c:pt idx="5407">
                  <c:v>8.9330000000000007E-2</c:v>
                </c:pt>
                <c:pt idx="5408">
                  <c:v>8.9314000000000004E-2</c:v>
                </c:pt>
                <c:pt idx="5409">
                  <c:v>8.9297000000000001E-2</c:v>
                </c:pt>
                <c:pt idx="5410">
                  <c:v>8.9280999999999999E-2</c:v>
                </c:pt>
                <c:pt idx="5411">
                  <c:v>8.9263999999999996E-2</c:v>
                </c:pt>
                <c:pt idx="5412">
                  <c:v>8.9247999999999994E-2</c:v>
                </c:pt>
                <c:pt idx="5413">
                  <c:v>8.9232000000000006E-2</c:v>
                </c:pt>
                <c:pt idx="5414">
                  <c:v>8.9215000000000003E-2</c:v>
                </c:pt>
                <c:pt idx="5415">
                  <c:v>8.9199000000000001E-2</c:v>
                </c:pt>
                <c:pt idx="5416">
                  <c:v>8.9182999999999998E-2</c:v>
                </c:pt>
                <c:pt idx="5417">
                  <c:v>8.9165999999999995E-2</c:v>
                </c:pt>
                <c:pt idx="5418">
                  <c:v>8.9149999999999993E-2</c:v>
                </c:pt>
                <c:pt idx="5419">
                  <c:v>8.9134000000000005E-2</c:v>
                </c:pt>
                <c:pt idx="5420">
                  <c:v>8.9117000000000002E-2</c:v>
                </c:pt>
                <c:pt idx="5421">
                  <c:v>8.9101E-2</c:v>
                </c:pt>
                <c:pt idx="5422">
                  <c:v>8.9084999999999998E-2</c:v>
                </c:pt>
                <c:pt idx="5423">
                  <c:v>8.9068999999999995E-2</c:v>
                </c:pt>
                <c:pt idx="5424">
                  <c:v>8.9052000000000006E-2</c:v>
                </c:pt>
                <c:pt idx="5425">
                  <c:v>8.9036000000000004E-2</c:v>
                </c:pt>
                <c:pt idx="5426">
                  <c:v>8.9020000000000002E-2</c:v>
                </c:pt>
                <c:pt idx="5427">
                  <c:v>8.9002999999999999E-2</c:v>
                </c:pt>
                <c:pt idx="5428">
                  <c:v>8.8986999999999997E-2</c:v>
                </c:pt>
                <c:pt idx="5429">
                  <c:v>8.8970999999999995E-2</c:v>
                </c:pt>
                <c:pt idx="5430">
                  <c:v>8.8955000000000006E-2</c:v>
                </c:pt>
                <c:pt idx="5431">
                  <c:v>8.8938000000000003E-2</c:v>
                </c:pt>
                <c:pt idx="5432">
                  <c:v>8.8922000000000001E-2</c:v>
                </c:pt>
                <c:pt idx="5433">
                  <c:v>8.8905999999999999E-2</c:v>
                </c:pt>
                <c:pt idx="5434">
                  <c:v>8.8889999999999997E-2</c:v>
                </c:pt>
                <c:pt idx="5435">
                  <c:v>8.8873999999999995E-2</c:v>
                </c:pt>
                <c:pt idx="5436">
                  <c:v>8.8857000000000005E-2</c:v>
                </c:pt>
                <c:pt idx="5437">
                  <c:v>8.8841000000000003E-2</c:v>
                </c:pt>
                <c:pt idx="5438">
                  <c:v>8.8825000000000001E-2</c:v>
                </c:pt>
                <c:pt idx="5439">
                  <c:v>8.8808999999999999E-2</c:v>
                </c:pt>
                <c:pt idx="5440">
                  <c:v>8.8792999999999997E-2</c:v>
                </c:pt>
                <c:pt idx="5441">
                  <c:v>8.8775999999999994E-2</c:v>
                </c:pt>
                <c:pt idx="5442">
                  <c:v>8.8760000000000006E-2</c:v>
                </c:pt>
                <c:pt idx="5443">
                  <c:v>8.8744000000000003E-2</c:v>
                </c:pt>
                <c:pt idx="5444">
                  <c:v>8.8728000000000001E-2</c:v>
                </c:pt>
                <c:pt idx="5445">
                  <c:v>8.8711999999999999E-2</c:v>
                </c:pt>
                <c:pt idx="5446">
                  <c:v>8.8695999999999997E-2</c:v>
                </c:pt>
                <c:pt idx="5447">
                  <c:v>8.8678999999999994E-2</c:v>
                </c:pt>
                <c:pt idx="5448">
                  <c:v>8.8663000000000006E-2</c:v>
                </c:pt>
                <c:pt idx="5449">
                  <c:v>8.8647000000000004E-2</c:v>
                </c:pt>
                <c:pt idx="5450">
                  <c:v>8.8631000000000001E-2</c:v>
                </c:pt>
                <c:pt idx="5451">
                  <c:v>8.8614999999999999E-2</c:v>
                </c:pt>
                <c:pt idx="5452">
                  <c:v>8.8598999999999997E-2</c:v>
                </c:pt>
                <c:pt idx="5453">
                  <c:v>8.8582999999999995E-2</c:v>
                </c:pt>
                <c:pt idx="5454">
                  <c:v>8.8566000000000006E-2</c:v>
                </c:pt>
                <c:pt idx="5455">
                  <c:v>8.8550000000000004E-2</c:v>
                </c:pt>
                <c:pt idx="5456">
                  <c:v>8.8534000000000002E-2</c:v>
                </c:pt>
                <c:pt idx="5457">
                  <c:v>8.8517999999999999E-2</c:v>
                </c:pt>
                <c:pt idx="5458">
                  <c:v>8.8501999999999997E-2</c:v>
                </c:pt>
                <c:pt idx="5459">
                  <c:v>8.8485999999999995E-2</c:v>
                </c:pt>
                <c:pt idx="5460">
                  <c:v>8.8469999999999993E-2</c:v>
                </c:pt>
                <c:pt idx="5461">
                  <c:v>8.8454000000000005E-2</c:v>
                </c:pt>
                <c:pt idx="5462">
                  <c:v>8.8438000000000003E-2</c:v>
                </c:pt>
                <c:pt idx="5463">
                  <c:v>8.8422000000000001E-2</c:v>
                </c:pt>
                <c:pt idx="5464">
                  <c:v>8.8405999999999998E-2</c:v>
                </c:pt>
                <c:pt idx="5465">
                  <c:v>8.8389999999999996E-2</c:v>
                </c:pt>
                <c:pt idx="5466">
                  <c:v>8.8373999999999994E-2</c:v>
                </c:pt>
                <c:pt idx="5467">
                  <c:v>8.8358000000000006E-2</c:v>
                </c:pt>
                <c:pt idx="5468">
                  <c:v>8.8342000000000004E-2</c:v>
                </c:pt>
                <c:pt idx="5469">
                  <c:v>8.8326000000000002E-2</c:v>
                </c:pt>
                <c:pt idx="5470">
                  <c:v>8.831E-2</c:v>
                </c:pt>
                <c:pt idx="5471">
                  <c:v>8.8293999999999997E-2</c:v>
                </c:pt>
                <c:pt idx="5472">
                  <c:v>8.8277999999999995E-2</c:v>
                </c:pt>
                <c:pt idx="5473">
                  <c:v>8.8261999999999993E-2</c:v>
                </c:pt>
                <c:pt idx="5474">
                  <c:v>8.8246000000000005E-2</c:v>
                </c:pt>
                <c:pt idx="5475">
                  <c:v>8.8230000000000003E-2</c:v>
                </c:pt>
                <c:pt idx="5476">
                  <c:v>8.8214000000000001E-2</c:v>
                </c:pt>
                <c:pt idx="5477">
                  <c:v>8.8197999999999999E-2</c:v>
                </c:pt>
                <c:pt idx="5478">
                  <c:v>8.8181999999999996E-2</c:v>
                </c:pt>
                <c:pt idx="5479">
                  <c:v>8.8165999999999994E-2</c:v>
                </c:pt>
                <c:pt idx="5480">
                  <c:v>8.8150000000000006E-2</c:v>
                </c:pt>
                <c:pt idx="5481">
                  <c:v>8.8134000000000004E-2</c:v>
                </c:pt>
                <c:pt idx="5482">
                  <c:v>8.8118000000000002E-2</c:v>
                </c:pt>
                <c:pt idx="5483">
                  <c:v>8.8102E-2</c:v>
                </c:pt>
                <c:pt idx="5484">
                  <c:v>8.8085999999999998E-2</c:v>
                </c:pt>
                <c:pt idx="5485">
                  <c:v>8.8069999999999996E-2</c:v>
                </c:pt>
                <c:pt idx="5486">
                  <c:v>8.8053999999999993E-2</c:v>
                </c:pt>
                <c:pt idx="5487">
                  <c:v>8.8038000000000005E-2</c:v>
                </c:pt>
                <c:pt idx="5488">
                  <c:v>8.8022000000000003E-2</c:v>
                </c:pt>
                <c:pt idx="5489">
                  <c:v>8.8006000000000001E-2</c:v>
                </c:pt>
                <c:pt idx="5490">
                  <c:v>8.7989999999999999E-2</c:v>
                </c:pt>
                <c:pt idx="5491">
                  <c:v>8.7974999999999998E-2</c:v>
                </c:pt>
                <c:pt idx="5492">
                  <c:v>8.7958999999999996E-2</c:v>
                </c:pt>
                <c:pt idx="5493">
                  <c:v>8.7942999999999993E-2</c:v>
                </c:pt>
                <c:pt idx="5494">
                  <c:v>8.7927000000000005E-2</c:v>
                </c:pt>
                <c:pt idx="5495">
                  <c:v>8.7911000000000003E-2</c:v>
                </c:pt>
                <c:pt idx="5496">
                  <c:v>8.7895000000000001E-2</c:v>
                </c:pt>
                <c:pt idx="5497">
                  <c:v>8.7878999999999999E-2</c:v>
                </c:pt>
                <c:pt idx="5498">
                  <c:v>8.7862999999999997E-2</c:v>
                </c:pt>
                <c:pt idx="5499">
                  <c:v>8.7847999999999996E-2</c:v>
                </c:pt>
                <c:pt idx="5500">
                  <c:v>8.7831999999999993E-2</c:v>
                </c:pt>
                <c:pt idx="5501">
                  <c:v>8.7816000000000005E-2</c:v>
                </c:pt>
                <c:pt idx="5502">
                  <c:v>8.7800000000000003E-2</c:v>
                </c:pt>
                <c:pt idx="5503">
                  <c:v>8.7784000000000001E-2</c:v>
                </c:pt>
                <c:pt idx="5504">
                  <c:v>8.7767999999999999E-2</c:v>
                </c:pt>
                <c:pt idx="5505">
                  <c:v>8.7752999999999998E-2</c:v>
                </c:pt>
                <c:pt idx="5506">
                  <c:v>8.7736999999999996E-2</c:v>
                </c:pt>
                <c:pt idx="5507">
                  <c:v>8.7720999999999993E-2</c:v>
                </c:pt>
                <c:pt idx="5508">
                  <c:v>8.7705000000000005E-2</c:v>
                </c:pt>
                <c:pt idx="5509">
                  <c:v>8.7689000000000003E-2</c:v>
                </c:pt>
                <c:pt idx="5510">
                  <c:v>8.7674000000000002E-2</c:v>
                </c:pt>
                <c:pt idx="5511">
                  <c:v>8.7658E-2</c:v>
                </c:pt>
                <c:pt idx="5512">
                  <c:v>8.7641999999999998E-2</c:v>
                </c:pt>
                <c:pt idx="5513">
                  <c:v>8.7625999999999996E-2</c:v>
                </c:pt>
                <c:pt idx="5514">
                  <c:v>8.7610999999999994E-2</c:v>
                </c:pt>
                <c:pt idx="5515">
                  <c:v>8.7595000000000006E-2</c:v>
                </c:pt>
                <c:pt idx="5516">
                  <c:v>8.7579000000000004E-2</c:v>
                </c:pt>
                <c:pt idx="5517">
                  <c:v>8.7563000000000002E-2</c:v>
                </c:pt>
                <c:pt idx="5518">
                  <c:v>8.7548000000000001E-2</c:v>
                </c:pt>
                <c:pt idx="5519">
                  <c:v>8.7531999999999999E-2</c:v>
                </c:pt>
                <c:pt idx="5520">
                  <c:v>8.7515999999999997E-2</c:v>
                </c:pt>
                <c:pt idx="5521">
                  <c:v>8.7499999999999994E-2</c:v>
                </c:pt>
                <c:pt idx="5522">
                  <c:v>8.7484999999999993E-2</c:v>
                </c:pt>
                <c:pt idx="5523">
                  <c:v>8.7469000000000005E-2</c:v>
                </c:pt>
                <c:pt idx="5524">
                  <c:v>8.7453000000000003E-2</c:v>
                </c:pt>
                <c:pt idx="5525">
                  <c:v>8.7438000000000002E-2</c:v>
                </c:pt>
                <c:pt idx="5526">
                  <c:v>8.7422E-2</c:v>
                </c:pt>
                <c:pt idx="5527">
                  <c:v>8.7405999999999998E-2</c:v>
                </c:pt>
                <c:pt idx="5528">
                  <c:v>8.7390999999999996E-2</c:v>
                </c:pt>
                <c:pt idx="5529">
                  <c:v>8.7374999999999994E-2</c:v>
                </c:pt>
                <c:pt idx="5530">
                  <c:v>8.7359000000000006E-2</c:v>
                </c:pt>
                <c:pt idx="5531">
                  <c:v>8.7344000000000005E-2</c:v>
                </c:pt>
                <c:pt idx="5532">
                  <c:v>8.7328000000000003E-2</c:v>
                </c:pt>
                <c:pt idx="5533">
                  <c:v>8.7312000000000001E-2</c:v>
                </c:pt>
                <c:pt idx="5534">
                  <c:v>8.7297E-2</c:v>
                </c:pt>
                <c:pt idx="5535">
                  <c:v>8.7280999999999997E-2</c:v>
                </c:pt>
                <c:pt idx="5536">
                  <c:v>8.7264999999999995E-2</c:v>
                </c:pt>
                <c:pt idx="5537">
                  <c:v>8.7249999999999994E-2</c:v>
                </c:pt>
                <c:pt idx="5538">
                  <c:v>8.7234000000000006E-2</c:v>
                </c:pt>
                <c:pt idx="5539">
                  <c:v>8.7218000000000004E-2</c:v>
                </c:pt>
                <c:pt idx="5540">
                  <c:v>8.7203000000000003E-2</c:v>
                </c:pt>
                <c:pt idx="5541">
                  <c:v>8.7187000000000001E-2</c:v>
                </c:pt>
                <c:pt idx="5542">
                  <c:v>8.7171999999999999E-2</c:v>
                </c:pt>
                <c:pt idx="5543">
                  <c:v>8.7155999999999997E-2</c:v>
                </c:pt>
                <c:pt idx="5544">
                  <c:v>8.7139999999999995E-2</c:v>
                </c:pt>
                <c:pt idx="5545">
                  <c:v>8.7124999999999994E-2</c:v>
                </c:pt>
                <c:pt idx="5546">
                  <c:v>8.7109000000000006E-2</c:v>
                </c:pt>
                <c:pt idx="5547">
                  <c:v>8.7094000000000005E-2</c:v>
                </c:pt>
                <c:pt idx="5548">
                  <c:v>8.7078000000000003E-2</c:v>
                </c:pt>
                <c:pt idx="5549">
                  <c:v>8.7062E-2</c:v>
                </c:pt>
                <c:pt idx="5550">
                  <c:v>8.7046999999999999E-2</c:v>
                </c:pt>
                <c:pt idx="5551">
                  <c:v>8.7030999999999997E-2</c:v>
                </c:pt>
                <c:pt idx="5552">
                  <c:v>8.7015999999999996E-2</c:v>
                </c:pt>
                <c:pt idx="5553">
                  <c:v>8.6999999999999994E-2</c:v>
                </c:pt>
                <c:pt idx="5554">
                  <c:v>8.6985000000000007E-2</c:v>
                </c:pt>
                <c:pt idx="5555">
                  <c:v>8.6969000000000005E-2</c:v>
                </c:pt>
                <c:pt idx="5556">
                  <c:v>8.6954000000000004E-2</c:v>
                </c:pt>
                <c:pt idx="5557">
                  <c:v>8.6938000000000001E-2</c:v>
                </c:pt>
                <c:pt idx="5558">
                  <c:v>8.6923E-2</c:v>
                </c:pt>
                <c:pt idx="5559">
                  <c:v>8.6906999999999998E-2</c:v>
                </c:pt>
                <c:pt idx="5560">
                  <c:v>8.6891999999999997E-2</c:v>
                </c:pt>
                <c:pt idx="5561">
                  <c:v>8.6875999999999995E-2</c:v>
                </c:pt>
                <c:pt idx="5562">
                  <c:v>8.6860999999999994E-2</c:v>
                </c:pt>
                <c:pt idx="5563">
                  <c:v>8.6845000000000006E-2</c:v>
                </c:pt>
                <c:pt idx="5564">
                  <c:v>8.6830000000000004E-2</c:v>
                </c:pt>
                <c:pt idx="5565">
                  <c:v>8.6814000000000002E-2</c:v>
                </c:pt>
                <c:pt idx="5566">
                  <c:v>8.6799000000000001E-2</c:v>
                </c:pt>
                <c:pt idx="5567">
                  <c:v>8.6782999999999999E-2</c:v>
                </c:pt>
                <c:pt idx="5568">
                  <c:v>8.6767999999999998E-2</c:v>
                </c:pt>
                <c:pt idx="5569">
                  <c:v>8.6751999999999996E-2</c:v>
                </c:pt>
                <c:pt idx="5570">
                  <c:v>8.6736999999999995E-2</c:v>
                </c:pt>
                <c:pt idx="5571">
                  <c:v>8.6721000000000006E-2</c:v>
                </c:pt>
                <c:pt idx="5572">
                  <c:v>8.6706000000000005E-2</c:v>
                </c:pt>
                <c:pt idx="5573">
                  <c:v>8.6691000000000004E-2</c:v>
                </c:pt>
                <c:pt idx="5574">
                  <c:v>8.6675000000000002E-2</c:v>
                </c:pt>
                <c:pt idx="5575">
                  <c:v>8.6660000000000001E-2</c:v>
                </c:pt>
                <c:pt idx="5576">
                  <c:v>8.6643999999999999E-2</c:v>
                </c:pt>
                <c:pt idx="5577">
                  <c:v>8.6628999999999998E-2</c:v>
                </c:pt>
                <c:pt idx="5578">
                  <c:v>8.6613999999999997E-2</c:v>
                </c:pt>
                <c:pt idx="5579">
                  <c:v>8.6597999999999994E-2</c:v>
                </c:pt>
                <c:pt idx="5580">
                  <c:v>8.6582999999999993E-2</c:v>
                </c:pt>
                <c:pt idx="5581">
                  <c:v>8.6567000000000005E-2</c:v>
                </c:pt>
                <c:pt idx="5582">
                  <c:v>8.6552000000000004E-2</c:v>
                </c:pt>
                <c:pt idx="5583">
                  <c:v>8.6537000000000003E-2</c:v>
                </c:pt>
                <c:pt idx="5584">
                  <c:v>8.6521000000000001E-2</c:v>
                </c:pt>
                <c:pt idx="5585">
                  <c:v>8.6506E-2</c:v>
                </c:pt>
                <c:pt idx="5586">
                  <c:v>8.6489999999999997E-2</c:v>
                </c:pt>
                <c:pt idx="5587">
                  <c:v>8.6474999999999996E-2</c:v>
                </c:pt>
                <c:pt idx="5588">
                  <c:v>8.6459999999999995E-2</c:v>
                </c:pt>
                <c:pt idx="5589">
                  <c:v>8.6443999999999993E-2</c:v>
                </c:pt>
                <c:pt idx="5590">
                  <c:v>8.6429000000000006E-2</c:v>
                </c:pt>
                <c:pt idx="5591">
                  <c:v>8.6414000000000005E-2</c:v>
                </c:pt>
                <c:pt idx="5592">
                  <c:v>8.6398000000000003E-2</c:v>
                </c:pt>
                <c:pt idx="5593">
                  <c:v>8.6383000000000001E-2</c:v>
                </c:pt>
                <c:pt idx="5594">
                  <c:v>8.6368E-2</c:v>
                </c:pt>
                <c:pt idx="5595">
                  <c:v>8.6351999999999998E-2</c:v>
                </c:pt>
                <c:pt idx="5596">
                  <c:v>8.6336999999999997E-2</c:v>
                </c:pt>
                <c:pt idx="5597">
                  <c:v>8.6321999999999996E-2</c:v>
                </c:pt>
                <c:pt idx="5598">
                  <c:v>8.6306999999999995E-2</c:v>
                </c:pt>
                <c:pt idx="5599">
                  <c:v>8.6291000000000007E-2</c:v>
                </c:pt>
                <c:pt idx="5600">
                  <c:v>8.6276000000000005E-2</c:v>
                </c:pt>
                <c:pt idx="5601">
                  <c:v>8.6261000000000004E-2</c:v>
                </c:pt>
                <c:pt idx="5602">
                  <c:v>8.6245000000000002E-2</c:v>
                </c:pt>
                <c:pt idx="5603">
                  <c:v>8.6230000000000001E-2</c:v>
                </c:pt>
                <c:pt idx="5604">
                  <c:v>8.6215E-2</c:v>
                </c:pt>
                <c:pt idx="5605">
                  <c:v>8.6199999999999999E-2</c:v>
                </c:pt>
                <c:pt idx="5606">
                  <c:v>8.6183999999999997E-2</c:v>
                </c:pt>
                <c:pt idx="5607">
                  <c:v>8.6168999999999996E-2</c:v>
                </c:pt>
                <c:pt idx="5608">
                  <c:v>8.6153999999999994E-2</c:v>
                </c:pt>
                <c:pt idx="5609">
                  <c:v>8.6138999999999993E-2</c:v>
                </c:pt>
                <c:pt idx="5610">
                  <c:v>8.6123000000000005E-2</c:v>
                </c:pt>
                <c:pt idx="5611">
                  <c:v>8.6108000000000004E-2</c:v>
                </c:pt>
                <c:pt idx="5612">
                  <c:v>8.6093000000000003E-2</c:v>
                </c:pt>
                <c:pt idx="5613">
                  <c:v>8.6078000000000002E-2</c:v>
                </c:pt>
                <c:pt idx="5614">
                  <c:v>8.6063000000000001E-2</c:v>
                </c:pt>
                <c:pt idx="5615">
                  <c:v>8.6046999999999998E-2</c:v>
                </c:pt>
                <c:pt idx="5616">
                  <c:v>8.6031999999999997E-2</c:v>
                </c:pt>
                <c:pt idx="5617">
                  <c:v>8.6016999999999996E-2</c:v>
                </c:pt>
                <c:pt idx="5618">
                  <c:v>8.6001999999999995E-2</c:v>
                </c:pt>
                <c:pt idx="5619">
                  <c:v>8.5986999999999994E-2</c:v>
                </c:pt>
                <c:pt idx="5620">
                  <c:v>8.5971000000000006E-2</c:v>
                </c:pt>
                <c:pt idx="5621">
                  <c:v>8.5956000000000005E-2</c:v>
                </c:pt>
                <c:pt idx="5622">
                  <c:v>8.5941000000000004E-2</c:v>
                </c:pt>
                <c:pt idx="5623">
                  <c:v>8.5926000000000002E-2</c:v>
                </c:pt>
                <c:pt idx="5624">
                  <c:v>8.5911000000000001E-2</c:v>
                </c:pt>
                <c:pt idx="5625">
                  <c:v>8.5896E-2</c:v>
                </c:pt>
                <c:pt idx="5626">
                  <c:v>8.5879999999999998E-2</c:v>
                </c:pt>
                <c:pt idx="5627">
                  <c:v>8.5864999999999997E-2</c:v>
                </c:pt>
                <c:pt idx="5628">
                  <c:v>8.5849999999999996E-2</c:v>
                </c:pt>
                <c:pt idx="5629">
                  <c:v>8.5834999999999995E-2</c:v>
                </c:pt>
                <c:pt idx="5630">
                  <c:v>8.5819999999999994E-2</c:v>
                </c:pt>
                <c:pt idx="5631">
                  <c:v>8.5805000000000006E-2</c:v>
                </c:pt>
                <c:pt idx="5632">
                  <c:v>8.5790000000000005E-2</c:v>
                </c:pt>
                <c:pt idx="5633">
                  <c:v>8.5775000000000004E-2</c:v>
                </c:pt>
                <c:pt idx="5634">
                  <c:v>8.5759000000000002E-2</c:v>
                </c:pt>
                <c:pt idx="5635">
                  <c:v>8.5744000000000001E-2</c:v>
                </c:pt>
                <c:pt idx="5636">
                  <c:v>8.5729E-2</c:v>
                </c:pt>
                <c:pt idx="5637">
                  <c:v>8.5713999999999999E-2</c:v>
                </c:pt>
                <c:pt idx="5638">
                  <c:v>8.5698999999999997E-2</c:v>
                </c:pt>
                <c:pt idx="5639">
                  <c:v>8.5683999999999996E-2</c:v>
                </c:pt>
                <c:pt idx="5640">
                  <c:v>8.5668999999999995E-2</c:v>
                </c:pt>
                <c:pt idx="5641">
                  <c:v>8.5653999999999994E-2</c:v>
                </c:pt>
                <c:pt idx="5642">
                  <c:v>8.5639000000000007E-2</c:v>
                </c:pt>
                <c:pt idx="5643">
                  <c:v>8.5624000000000006E-2</c:v>
                </c:pt>
                <c:pt idx="5644">
                  <c:v>8.5609000000000005E-2</c:v>
                </c:pt>
                <c:pt idx="5645">
                  <c:v>8.5594000000000003E-2</c:v>
                </c:pt>
                <c:pt idx="5646">
                  <c:v>8.5579000000000002E-2</c:v>
                </c:pt>
                <c:pt idx="5647">
                  <c:v>8.5564000000000001E-2</c:v>
                </c:pt>
                <c:pt idx="5648">
                  <c:v>8.5549E-2</c:v>
                </c:pt>
                <c:pt idx="5649">
                  <c:v>8.5533999999999999E-2</c:v>
                </c:pt>
                <c:pt idx="5650">
                  <c:v>8.5518999999999998E-2</c:v>
                </c:pt>
                <c:pt idx="5651">
                  <c:v>8.5503999999999997E-2</c:v>
                </c:pt>
                <c:pt idx="5652">
                  <c:v>8.5488999999999996E-2</c:v>
                </c:pt>
                <c:pt idx="5653">
                  <c:v>8.5473999999999994E-2</c:v>
                </c:pt>
                <c:pt idx="5654">
                  <c:v>8.5458999999999993E-2</c:v>
                </c:pt>
                <c:pt idx="5655">
                  <c:v>8.5444000000000006E-2</c:v>
                </c:pt>
                <c:pt idx="5656">
                  <c:v>8.5429000000000005E-2</c:v>
                </c:pt>
                <c:pt idx="5657">
                  <c:v>8.5414000000000004E-2</c:v>
                </c:pt>
                <c:pt idx="5658">
                  <c:v>8.5399000000000003E-2</c:v>
                </c:pt>
                <c:pt idx="5659">
                  <c:v>8.5384000000000002E-2</c:v>
                </c:pt>
                <c:pt idx="5660">
                  <c:v>8.5369E-2</c:v>
                </c:pt>
                <c:pt idx="5661">
                  <c:v>8.5353999999999999E-2</c:v>
                </c:pt>
                <c:pt idx="5662">
                  <c:v>8.5338999999999998E-2</c:v>
                </c:pt>
                <c:pt idx="5663">
                  <c:v>8.5323999999999997E-2</c:v>
                </c:pt>
                <c:pt idx="5664">
                  <c:v>8.5308999999999996E-2</c:v>
                </c:pt>
                <c:pt idx="5665">
                  <c:v>8.5293999999999995E-2</c:v>
                </c:pt>
                <c:pt idx="5666">
                  <c:v>8.5278999999999994E-2</c:v>
                </c:pt>
                <c:pt idx="5667">
                  <c:v>8.5264000000000006E-2</c:v>
                </c:pt>
                <c:pt idx="5668">
                  <c:v>8.5249000000000005E-2</c:v>
                </c:pt>
                <c:pt idx="5669">
                  <c:v>8.5234000000000004E-2</c:v>
                </c:pt>
                <c:pt idx="5670">
                  <c:v>8.5219000000000003E-2</c:v>
                </c:pt>
                <c:pt idx="5671">
                  <c:v>8.5204000000000002E-2</c:v>
                </c:pt>
                <c:pt idx="5672">
                  <c:v>8.5189000000000001E-2</c:v>
                </c:pt>
                <c:pt idx="5673">
                  <c:v>8.5175000000000001E-2</c:v>
                </c:pt>
                <c:pt idx="5674">
                  <c:v>8.516E-2</c:v>
                </c:pt>
                <c:pt idx="5675">
                  <c:v>8.5144999999999998E-2</c:v>
                </c:pt>
                <c:pt idx="5676">
                  <c:v>8.5129999999999997E-2</c:v>
                </c:pt>
                <c:pt idx="5677">
                  <c:v>8.5114999999999996E-2</c:v>
                </c:pt>
                <c:pt idx="5678">
                  <c:v>8.5099999999999995E-2</c:v>
                </c:pt>
                <c:pt idx="5679">
                  <c:v>8.5084999999999994E-2</c:v>
                </c:pt>
                <c:pt idx="5680">
                  <c:v>8.5070000000000007E-2</c:v>
                </c:pt>
                <c:pt idx="5681">
                  <c:v>8.5056000000000007E-2</c:v>
                </c:pt>
                <c:pt idx="5682">
                  <c:v>8.5041000000000005E-2</c:v>
                </c:pt>
                <c:pt idx="5683">
                  <c:v>8.5026000000000004E-2</c:v>
                </c:pt>
                <c:pt idx="5684">
                  <c:v>8.5011000000000003E-2</c:v>
                </c:pt>
                <c:pt idx="5685">
                  <c:v>8.4996000000000002E-2</c:v>
                </c:pt>
                <c:pt idx="5686">
                  <c:v>8.4981000000000001E-2</c:v>
                </c:pt>
                <c:pt idx="5687">
                  <c:v>8.4967000000000001E-2</c:v>
                </c:pt>
                <c:pt idx="5688">
                  <c:v>8.4952E-2</c:v>
                </c:pt>
                <c:pt idx="5689">
                  <c:v>8.4936999999999999E-2</c:v>
                </c:pt>
                <c:pt idx="5690">
                  <c:v>8.4921999999999997E-2</c:v>
                </c:pt>
                <c:pt idx="5691">
                  <c:v>8.4906999999999996E-2</c:v>
                </c:pt>
                <c:pt idx="5692">
                  <c:v>8.4891999999999995E-2</c:v>
                </c:pt>
                <c:pt idx="5693">
                  <c:v>8.4877999999999995E-2</c:v>
                </c:pt>
                <c:pt idx="5694">
                  <c:v>8.4862999999999994E-2</c:v>
                </c:pt>
                <c:pt idx="5695">
                  <c:v>8.4848000000000007E-2</c:v>
                </c:pt>
                <c:pt idx="5696">
                  <c:v>8.4833000000000006E-2</c:v>
                </c:pt>
                <c:pt idx="5697">
                  <c:v>8.4819000000000006E-2</c:v>
                </c:pt>
                <c:pt idx="5698">
                  <c:v>8.4804000000000004E-2</c:v>
                </c:pt>
                <c:pt idx="5699">
                  <c:v>8.4789000000000003E-2</c:v>
                </c:pt>
                <c:pt idx="5700">
                  <c:v>8.4774000000000002E-2</c:v>
                </c:pt>
                <c:pt idx="5701">
                  <c:v>8.4760000000000002E-2</c:v>
                </c:pt>
                <c:pt idx="5702">
                  <c:v>8.4745000000000001E-2</c:v>
                </c:pt>
                <c:pt idx="5703">
                  <c:v>8.473E-2</c:v>
                </c:pt>
                <c:pt idx="5704">
                  <c:v>8.4714999999999999E-2</c:v>
                </c:pt>
                <c:pt idx="5705">
                  <c:v>8.4700999999999999E-2</c:v>
                </c:pt>
                <c:pt idx="5706">
                  <c:v>8.4685999999999997E-2</c:v>
                </c:pt>
                <c:pt idx="5707">
                  <c:v>8.4670999999999996E-2</c:v>
                </c:pt>
                <c:pt idx="5708">
                  <c:v>8.4655999999999995E-2</c:v>
                </c:pt>
                <c:pt idx="5709">
                  <c:v>8.4641999999999995E-2</c:v>
                </c:pt>
                <c:pt idx="5710">
                  <c:v>8.4626999999999994E-2</c:v>
                </c:pt>
                <c:pt idx="5711">
                  <c:v>8.4612000000000007E-2</c:v>
                </c:pt>
                <c:pt idx="5712">
                  <c:v>8.4598000000000007E-2</c:v>
                </c:pt>
                <c:pt idx="5713">
                  <c:v>8.4583000000000005E-2</c:v>
                </c:pt>
                <c:pt idx="5714">
                  <c:v>8.4568000000000004E-2</c:v>
                </c:pt>
                <c:pt idx="5715">
                  <c:v>8.4554000000000004E-2</c:v>
                </c:pt>
                <c:pt idx="5716">
                  <c:v>8.4539000000000003E-2</c:v>
                </c:pt>
                <c:pt idx="5717">
                  <c:v>8.4524000000000002E-2</c:v>
                </c:pt>
                <c:pt idx="5718">
                  <c:v>8.4510000000000002E-2</c:v>
                </c:pt>
                <c:pt idx="5719">
                  <c:v>8.4495000000000001E-2</c:v>
                </c:pt>
                <c:pt idx="5720">
                  <c:v>8.448E-2</c:v>
                </c:pt>
                <c:pt idx="5721">
                  <c:v>8.4465999999999999E-2</c:v>
                </c:pt>
                <c:pt idx="5722">
                  <c:v>8.4450999999999998E-2</c:v>
                </c:pt>
                <c:pt idx="5723">
                  <c:v>8.4435999999999997E-2</c:v>
                </c:pt>
                <c:pt idx="5724">
                  <c:v>8.4421999999999997E-2</c:v>
                </c:pt>
                <c:pt idx="5725">
                  <c:v>8.4406999999999996E-2</c:v>
                </c:pt>
                <c:pt idx="5726">
                  <c:v>8.4391999999999995E-2</c:v>
                </c:pt>
                <c:pt idx="5727">
                  <c:v>8.4377999999999995E-2</c:v>
                </c:pt>
                <c:pt idx="5728">
                  <c:v>8.4362999999999994E-2</c:v>
                </c:pt>
                <c:pt idx="5729">
                  <c:v>8.4348999999999993E-2</c:v>
                </c:pt>
                <c:pt idx="5730">
                  <c:v>8.4334000000000006E-2</c:v>
                </c:pt>
                <c:pt idx="5731">
                  <c:v>8.4319000000000005E-2</c:v>
                </c:pt>
                <c:pt idx="5732">
                  <c:v>8.4305000000000005E-2</c:v>
                </c:pt>
                <c:pt idx="5733">
                  <c:v>8.4290000000000004E-2</c:v>
                </c:pt>
                <c:pt idx="5734">
                  <c:v>8.4276000000000004E-2</c:v>
                </c:pt>
                <c:pt idx="5735">
                  <c:v>8.4261000000000003E-2</c:v>
                </c:pt>
                <c:pt idx="5736">
                  <c:v>8.4246000000000001E-2</c:v>
                </c:pt>
                <c:pt idx="5737">
                  <c:v>8.4232000000000001E-2</c:v>
                </c:pt>
                <c:pt idx="5738">
                  <c:v>8.4217E-2</c:v>
                </c:pt>
                <c:pt idx="5739">
                  <c:v>8.4203E-2</c:v>
                </c:pt>
                <c:pt idx="5740">
                  <c:v>8.4187999999999999E-2</c:v>
                </c:pt>
                <c:pt idx="5741">
                  <c:v>8.4173999999999999E-2</c:v>
                </c:pt>
                <c:pt idx="5742">
                  <c:v>8.4158999999999998E-2</c:v>
                </c:pt>
                <c:pt idx="5743">
                  <c:v>8.4144999999999998E-2</c:v>
                </c:pt>
                <c:pt idx="5744">
                  <c:v>8.4129999999999996E-2</c:v>
                </c:pt>
                <c:pt idx="5745">
                  <c:v>8.4114999999999995E-2</c:v>
                </c:pt>
                <c:pt idx="5746">
                  <c:v>8.4100999999999995E-2</c:v>
                </c:pt>
                <c:pt idx="5747">
                  <c:v>8.4085999999999994E-2</c:v>
                </c:pt>
                <c:pt idx="5748">
                  <c:v>8.4071999999999994E-2</c:v>
                </c:pt>
                <c:pt idx="5749">
                  <c:v>8.4057000000000007E-2</c:v>
                </c:pt>
                <c:pt idx="5750">
                  <c:v>8.4043000000000007E-2</c:v>
                </c:pt>
                <c:pt idx="5751">
                  <c:v>8.4028000000000005E-2</c:v>
                </c:pt>
                <c:pt idx="5752">
                  <c:v>8.4014000000000005E-2</c:v>
                </c:pt>
                <c:pt idx="5753">
                  <c:v>8.3999000000000004E-2</c:v>
                </c:pt>
                <c:pt idx="5754">
                  <c:v>8.3985000000000004E-2</c:v>
                </c:pt>
                <c:pt idx="5755">
                  <c:v>8.3970000000000003E-2</c:v>
                </c:pt>
                <c:pt idx="5756">
                  <c:v>8.3956000000000003E-2</c:v>
                </c:pt>
                <c:pt idx="5757">
                  <c:v>8.3941000000000002E-2</c:v>
                </c:pt>
                <c:pt idx="5758">
                  <c:v>8.3927000000000002E-2</c:v>
                </c:pt>
                <c:pt idx="5759">
                  <c:v>8.3913000000000001E-2</c:v>
                </c:pt>
                <c:pt idx="5760">
                  <c:v>8.3898E-2</c:v>
                </c:pt>
                <c:pt idx="5761">
                  <c:v>8.3884E-2</c:v>
                </c:pt>
                <c:pt idx="5762">
                  <c:v>8.3868999999999999E-2</c:v>
                </c:pt>
                <c:pt idx="5763">
                  <c:v>8.3854999999999999E-2</c:v>
                </c:pt>
                <c:pt idx="5764">
                  <c:v>8.3839999999999998E-2</c:v>
                </c:pt>
                <c:pt idx="5765">
                  <c:v>8.3825999999999998E-2</c:v>
                </c:pt>
                <c:pt idx="5766">
                  <c:v>8.3810999999999997E-2</c:v>
                </c:pt>
                <c:pt idx="5767">
                  <c:v>8.3796999999999996E-2</c:v>
                </c:pt>
                <c:pt idx="5768">
                  <c:v>8.3782999999999996E-2</c:v>
                </c:pt>
                <c:pt idx="5769">
                  <c:v>8.3767999999999995E-2</c:v>
                </c:pt>
                <c:pt idx="5770">
                  <c:v>8.3753999999999995E-2</c:v>
                </c:pt>
                <c:pt idx="5771">
                  <c:v>8.3738999999999994E-2</c:v>
                </c:pt>
                <c:pt idx="5772">
                  <c:v>8.3724999999999994E-2</c:v>
                </c:pt>
                <c:pt idx="5773">
                  <c:v>8.3710999999999994E-2</c:v>
                </c:pt>
                <c:pt idx="5774">
                  <c:v>8.3696000000000007E-2</c:v>
                </c:pt>
                <c:pt idx="5775">
                  <c:v>8.3682000000000006E-2</c:v>
                </c:pt>
                <c:pt idx="5776">
                  <c:v>8.3668000000000006E-2</c:v>
                </c:pt>
                <c:pt idx="5777">
                  <c:v>8.3653000000000005E-2</c:v>
                </c:pt>
                <c:pt idx="5778">
                  <c:v>8.3639000000000005E-2</c:v>
                </c:pt>
                <c:pt idx="5779">
                  <c:v>8.3624000000000004E-2</c:v>
                </c:pt>
                <c:pt idx="5780">
                  <c:v>8.3610000000000004E-2</c:v>
                </c:pt>
                <c:pt idx="5781">
                  <c:v>8.3596000000000004E-2</c:v>
                </c:pt>
                <c:pt idx="5782">
                  <c:v>8.3581000000000003E-2</c:v>
                </c:pt>
                <c:pt idx="5783">
                  <c:v>8.3567000000000002E-2</c:v>
                </c:pt>
                <c:pt idx="5784">
                  <c:v>8.3553000000000002E-2</c:v>
                </c:pt>
                <c:pt idx="5785">
                  <c:v>8.3538000000000001E-2</c:v>
                </c:pt>
                <c:pt idx="5786">
                  <c:v>8.3524000000000001E-2</c:v>
                </c:pt>
                <c:pt idx="5787">
                  <c:v>8.3510000000000001E-2</c:v>
                </c:pt>
                <c:pt idx="5788">
                  <c:v>8.3495E-2</c:v>
                </c:pt>
                <c:pt idx="5789">
                  <c:v>8.3481E-2</c:v>
                </c:pt>
                <c:pt idx="5790">
                  <c:v>8.3467E-2</c:v>
                </c:pt>
                <c:pt idx="5791">
                  <c:v>8.3451999999999998E-2</c:v>
                </c:pt>
                <c:pt idx="5792">
                  <c:v>8.3437999999999998E-2</c:v>
                </c:pt>
                <c:pt idx="5793">
                  <c:v>8.3423999999999998E-2</c:v>
                </c:pt>
                <c:pt idx="5794">
                  <c:v>8.3409999999999998E-2</c:v>
                </c:pt>
                <c:pt idx="5795">
                  <c:v>8.3394999999999997E-2</c:v>
                </c:pt>
                <c:pt idx="5796">
                  <c:v>8.3380999999999997E-2</c:v>
                </c:pt>
                <c:pt idx="5797">
                  <c:v>8.3366999999999997E-2</c:v>
                </c:pt>
                <c:pt idx="5798">
                  <c:v>8.3352999999999997E-2</c:v>
                </c:pt>
                <c:pt idx="5799">
                  <c:v>8.3337999999999995E-2</c:v>
                </c:pt>
                <c:pt idx="5800">
                  <c:v>8.3323999999999995E-2</c:v>
                </c:pt>
                <c:pt idx="5801">
                  <c:v>8.3309999999999995E-2</c:v>
                </c:pt>
                <c:pt idx="5802">
                  <c:v>8.3294999999999994E-2</c:v>
                </c:pt>
                <c:pt idx="5803">
                  <c:v>8.3280999999999994E-2</c:v>
                </c:pt>
                <c:pt idx="5804">
                  <c:v>8.3266999999999994E-2</c:v>
                </c:pt>
                <c:pt idx="5805">
                  <c:v>8.3252999999999994E-2</c:v>
                </c:pt>
                <c:pt idx="5806">
                  <c:v>8.3238999999999994E-2</c:v>
                </c:pt>
                <c:pt idx="5807">
                  <c:v>8.3224000000000006E-2</c:v>
                </c:pt>
                <c:pt idx="5808">
                  <c:v>8.3210000000000006E-2</c:v>
                </c:pt>
                <c:pt idx="5809">
                  <c:v>8.3196000000000006E-2</c:v>
                </c:pt>
                <c:pt idx="5810">
                  <c:v>8.3182000000000006E-2</c:v>
                </c:pt>
                <c:pt idx="5811">
                  <c:v>8.3167000000000005E-2</c:v>
                </c:pt>
                <c:pt idx="5812">
                  <c:v>8.3153000000000005E-2</c:v>
                </c:pt>
                <c:pt idx="5813">
                  <c:v>8.3139000000000005E-2</c:v>
                </c:pt>
                <c:pt idx="5814">
                  <c:v>8.3125000000000004E-2</c:v>
                </c:pt>
                <c:pt idx="5815">
                  <c:v>8.3111000000000004E-2</c:v>
                </c:pt>
                <c:pt idx="5816">
                  <c:v>8.3097000000000004E-2</c:v>
                </c:pt>
                <c:pt idx="5817">
                  <c:v>8.3082000000000003E-2</c:v>
                </c:pt>
                <c:pt idx="5818">
                  <c:v>8.3068000000000003E-2</c:v>
                </c:pt>
                <c:pt idx="5819">
                  <c:v>8.3054000000000003E-2</c:v>
                </c:pt>
                <c:pt idx="5820">
                  <c:v>8.3040000000000003E-2</c:v>
                </c:pt>
                <c:pt idx="5821">
                  <c:v>8.3026000000000003E-2</c:v>
                </c:pt>
                <c:pt idx="5822">
                  <c:v>8.3012000000000002E-2</c:v>
                </c:pt>
                <c:pt idx="5823">
                  <c:v>8.2997000000000001E-2</c:v>
                </c:pt>
                <c:pt idx="5824">
                  <c:v>8.2983000000000001E-2</c:v>
                </c:pt>
                <c:pt idx="5825">
                  <c:v>8.2969000000000001E-2</c:v>
                </c:pt>
                <c:pt idx="5826">
                  <c:v>8.2955000000000001E-2</c:v>
                </c:pt>
                <c:pt idx="5827">
                  <c:v>8.2941000000000001E-2</c:v>
                </c:pt>
                <c:pt idx="5828">
                  <c:v>8.2927000000000001E-2</c:v>
                </c:pt>
                <c:pt idx="5829">
                  <c:v>8.2913000000000001E-2</c:v>
                </c:pt>
                <c:pt idx="5830">
                  <c:v>8.2899E-2</c:v>
                </c:pt>
                <c:pt idx="5831">
                  <c:v>8.2883999999999999E-2</c:v>
                </c:pt>
                <c:pt idx="5832">
                  <c:v>8.2869999999999999E-2</c:v>
                </c:pt>
                <c:pt idx="5833">
                  <c:v>8.2855999999999999E-2</c:v>
                </c:pt>
                <c:pt idx="5834">
                  <c:v>8.2841999999999999E-2</c:v>
                </c:pt>
                <c:pt idx="5835">
                  <c:v>8.2827999999999999E-2</c:v>
                </c:pt>
                <c:pt idx="5836">
                  <c:v>8.2813999999999999E-2</c:v>
                </c:pt>
                <c:pt idx="5837">
                  <c:v>8.2799999999999999E-2</c:v>
                </c:pt>
                <c:pt idx="5838">
                  <c:v>8.2785999999999998E-2</c:v>
                </c:pt>
                <c:pt idx="5839">
                  <c:v>8.2771999999999998E-2</c:v>
                </c:pt>
                <c:pt idx="5840">
                  <c:v>8.2757999999999998E-2</c:v>
                </c:pt>
                <c:pt idx="5841">
                  <c:v>8.2743999999999998E-2</c:v>
                </c:pt>
                <c:pt idx="5842">
                  <c:v>8.2729999999999998E-2</c:v>
                </c:pt>
                <c:pt idx="5843">
                  <c:v>8.2715999999999998E-2</c:v>
                </c:pt>
                <c:pt idx="5844">
                  <c:v>8.2700999999999997E-2</c:v>
                </c:pt>
                <c:pt idx="5845">
                  <c:v>8.2686999999999997E-2</c:v>
                </c:pt>
                <c:pt idx="5846">
                  <c:v>8.2672999999999996E-2</c:v>
                </c:pt>
                <c:pt idx="5847">
                  <c:v>8.2658999999999996E-2</c:v>
                </c:pt>
                <c:pt idx="5848">
                  <c:v>8.2644999999999996E-2</c:v>
                </c:pt>
                <c:pt idx="5849">
                  <c:v>8.2630999999999996E-2</c:v>
                </c:pt>
                <c:pt idx="5850">
                  <c:v>8.2616999999999996E-2</c:v>
                </c:pt>
                <c:pt idx="5851">
                  <c:v>8.2602999999999996E-2</c:v>
                </c:pt>
                <c:pt idx="5852">
                  <c:v>8.2588999999999996E-2</c:v>
                </c:pt>
                <c:pt idx="5853">
                  <c:v>8.2574999999999996E-2</c:v>
                </c:pt>
                <c:pt idx="5854">
                  <c:v>8.2560999999999996E-2</c:v>
                </c:pt>
                <c:pt idx="5855">
                  <c:v>8.2546999999999995E-2</c:v>
                </c:pt>
                <c:pt idx="5856">
                  <c:v>8.2532999999999995E-2</c:v>
                </c:pt>
                <c:pt idx="5857">
                  <c:v>8.2518999999999995E-2</c:v>
                </c:pt>
                <c:pt idx="5858">
                  <c:v>8.2504999999999995E-2</c:v>
                </c:pt>
                <c:pt idx="5859">
                  <c:v>8.2490999999999995E-2</c:v>
                </c:pt>
                <c:pt idx="5860">
                  <c:v>8.2476999999999995E-2</c:v>
                </c:pt>
                <c:pt idx="5861">
                  <c:v>8.2462999999999995E-2</c:v>
                </c:pt>
                <c:pt idx="5862">
                  <c:v>8.2448999999999995E-2</c:v>
                </c:pt>
                <c:pt idx="5863">
                  <c:v>8.2435999999999995E-2</c:v>
                </c:pt>
                <c:pt idx="5864">
                  <c:v>8.2421999999999995E-2</c:v>
                </c:pt>
                <c:pt idx="5865">
                  <c:v>8.2407999999999995E-2</c:v>
                </c:pt>
                <c:pt idx="5866">
                  <c:v>8.2393999999999995E-2</c:v>
                </c:pt>
                <c:pt idx="5867">
                  <c:v>8.2379999999999995E-2</c:v>
                </c:pt>
                <c:pt idx="5868">
                  <c:v>8.2365999999999995E-2</c:v>
                </c:pt>
                <c:pt idx="5869">
                  <c:v>8.2351999999999995E-2</c:v>
                </c:pt>
                <c:pt idx="5870">
                  <c:v>8.2337999999999995E-2</c:v>
                </c:pt>
                <c:pt idx="5871">
                  <c:v>8.2323999999999994E-2</c:v>
                </c:pt>
                <c:pt idx="5872">
                  <c:v>8.2309999999999994E-2</c:v>
                </c:pt>
                <c:pt idx="5873">
                  <c:v>8.2295999999999994E-2</c:v>
                </c:pt>
                <c:pt idx="5874">
                  <c:v>8.2281999999999994E-2</c:v>
                </c:pt>
                <c:pt idx="5875">
                  <c:v>8.2267999999999994E-2</c:v>
                </c:pt>
                <c:pt idx="5876">
                  <c:v>8.2254999999999995E-2</c:v>
                </c:pt>
                <c:pt idx="5877">
                  <c:v>8.2240999999999995E-2</c:v>
                </c:pt>
                <c:pt idx="5878">
                  <c:v>8.2226999999999995E-2</c:v>
                </c:pt>
                <c:pt idx="5879">
                  <c:v>8.2212999999999994E-2</c:v>
                </c:pt>
                <c:pt idx="5880">
                  <c:v>8.2198999999999994E-2</c:v>
                </c:pt>
                <c:pt idx="5881">
                  <c:v>8.2184999999999994E-2</c:v>
                </c:pt>
                <c:pt idx="5882">
                  <c:v>8.2170999999999994E-2</c:v>
                </c:pt>
                <c:pt idx="5883">
                  <c:v>8.2156999999999994E-2</c:v>
                </c:pt>
                <c:pt idx="5884">
                  <c:v>8.2143999999999995E-2</c:v>
                </c:pt>
                <c:pt idx="5885">
                  <c:v>8.2129999999999995E-2</c:v>
                </c:pt>
                <c:pt idx="5886">
                  <c:v>8.2115999999999995E-2</c:v>
                </c:pt>
                <c:pt idx="5887">
                  <c:v>8.2101999999999994E-2</c:v>
                </c:pt>
                <c:pt idx="5888">
                  <c:v>8.2087999999999994E-2</c:v>
                </c:pt>
                <c:pt idx="5889">
                  <c:v>8.2073999999999994E-2</c:v>
                </c:pt>
                <c:pt idx="5890">
                  <c:v>8.2060999999999995E-2</c:v>
                </c:pt>
                <c:pt idx="5891">
                  <c:v>8.2046999999999995E-2</c:v>
                </c:pt>
                <c:pt idx="5892">
                  <c:v>8.2032999999999995E-2</c:v>
                </c:pt>
                <c:pt idx="5893">
                  <c:v>8.2018999999999995E-2</c:v>
                </c:pt>
                <c:pt idx="5894">
                  <c:v>8.2004999999999995E-2</c:v>
                </c:pt>
                <c:pt idx="5895">
                  <c:v>8.1990999999999994E-2</c:v>
                </c:pt>
                <c:pt idx="5896">
                  <c:v>8.1977999999999995E-2</c:v>
                </c:pt>
                <c:pt idx="5897">
                  <c:v>8.1963999999999995E-2</c:v>
                </c:pt>
                <c:pt idx="5898">
                  <c:v>8.1949999999999995E-2</c:v>
                </c:pt>
                <c:pt idx="5899">
                  <c:v>8.1935999999999995E-2</c:v>
                </c:pt>
                <c:pt idx="5900">
                  <c:v>8.1921999999999995E-2</c:v>
                </c:pt>
                <c:pt idx="5901">
                  <c:v>8.1908999999999996E-2</c:v>
                </c:pt>
                <c:pt idx="5902">
                  <c:v>8.1894999999999996E-2</c:v>
                </c:pt>
                <c:pt idx="5903">
                  <c:v>8.1880999999999995E-2</c:v>
                </c:pt>
                <c:pt idx="5904">
                  <c:v>8.1866999999999995E-2</c:v>
                </c:pt>
                <c:pt idx="5905">
                  <c:v>8.1853999999999996E-2</c:v>
                </c:pt>
                <c:pt idx="5906">
                  <c:v>8.1839999999999996E-2</c:v>
                </c:pt>
                <c:pt idx="5907">
                  <c:v>8.1825999999999996E-2</c:v>
                </c:pt>
                <c:pt idx="5908">
                  <c:v>8.1811999999999996E-2</c:v>
                </c:pt>
                <c:pt idx="5909">
                  <c:v>8.1798999999999997E-2</c:v>
                </c:pt>
                <c:pt idx="5910">
                  <c:v>8.1784999999999997E-2</c:v>
                </c:pt>
                <c:pt idx="5911">
                  <c:v>8.1770999999999996E-2</c:v>
                </c:pt>
                <c:pt idx="5912">
                  <c:v>8.1756999999999996E-2</c:v>
                </c:pt>
                <c:pt idx="5913">
                  <c:v>8.1743999999999997E-2</c:v>
                </c:pt>
                <c:pt idx="5914">
                  <c:v>8.1729999999999997E-2</c:v>
                </c:pt>
                <c:pt idx="5915">
                  <c:v>8.1715999999999997E-2</c:v>
                </c:pt>
                <c:pt idx="5916">
                  <c:v>8.1702999999999998E-2</c:v>
                </c:pt>
                <c:pt idx="5917">
                  <c:v>8.1688999999999998E-2</c:v>
                </c:pt>
                <c:pt idx="5918">
                  <c:v>8.1674999999999998E-2</c:v>
                </c:pt>
                <c:pt idx="5919">
                  <c:v>8.1661999999999998E-2</c:v>
                </c:pt>
                <c:pt idx="5920">
                  <c:v>8.1647999999999998E-2</c:v>
                </c:pt>
                <c:pt idx="5921">
                  <c:v>8.1633999999999998E-2</c:v>
                </c:pt>
                <c:pt idx="5922">
                  <c:v>8.1619999999999998E-2</c:v>
                </c:pt>
                <c:pt idx="5923">
                  <c:v>8.1606999999999999E-2</c:v>
                </c:pt>
                <c:pt idx="5924">
                  <c:v>8.1592999999999999E-2</c:v>
                </c:pt>
                <c:pt idx="5925">
                  <c:v>8.1578999999999999E-2</c:v>
                </c:pt>
                <c:pt idx="5926">
                  <c:v>8.1566E-2</c:v>
                </c:pt>
                <c:pt idx="5927">
                  <c:v>8.1551999999999999E-2</c:v>
                </c:pt>
                <c:pt idx="5928">
                  <c:v>8.1537999999999999E-2</c:v>
                </c:pt>
                <c:pt idx="5929">
                  <c:v>8.1525E-2</c:v>
                </c:pt>
                <c:pt idx="5930">
                  <c:v>8.1511E-2</c:v>
                </c:pt>
                <c:pt idx="5931">
                  <c:v>8.1498000000000001E-2</c:v>
                </c:pt>
                <c:pt idx="5932">
                  <c:v>8.1484000000000001E-2</c:v>
                </c:pt>
                <c:pt idx="5933">
                  <c:v>8.1470000000000001E-2</c:v>
                </c:pt>
                <c:pt idx="5934">
                  <c:v>8.1457000000000002E-2</c:v>
                </c:pt>
                <c:pt idx="5935">
                  <c:v>8.1443000000000002E-2</c:v>
                </c:pt>
                <c:pt idx="5936">
                  <c:v>8.1429000000000001E-2</c:v>
                </c:pt>
                <c:pt idx="5937">
                  <c:v>8.1416000000000002E-2</c:v>
                </c:pt>
                <c:pt idx="5938">
                  <c:v>8.1402000000000002E-2</c:v>
                </c:pt>
                <c:pt idx="5939">
                  <c:v>8.1389000000000003E-2</c:v>
                </c:pt>
                <c:pt idx="5940">
                  <c:v>8.1375000000000003E-2</c:v>
                </c:pt>
                <c:pt idx="5941">
                  <c:v>8.1361000000000003E-2</c:v>
                </c:pt>
                <c:pt idx="5942">
                  <c:v>8.1348000000000004E-2</c:v>
                </c:pt>
                <c:pt idx="5943">
                  <c:v>8.1334000000000004E-2</c:v>
                </c:pt>
                <c:pt idx="5944">
                  <c:v>8.1321000000000004E-2</c:v>
                </c:pt>
                <c:pt idx="5945">
                  <c:v>8.1307000000000004E-2</c:v>
                </c:pt>
                <c:pt idx="5946">
                  <c:v>8.1294000000000005E-2</c:v>
                </c:pt>
                <c:pt idx="5947">
                  <c:v>8.1280000000000005E-2</c:v>
                </c:pt>
                <c:pt idx="5948">
                  <c:v>8.1266000000000005E-2</c:v>
                </c:pt>
                <c:pt idx="5949">
                  <c:v>8.1253000000000006E-2</c:v>
                </c:pt>
                <c:pt idx="5950">
                  <c:v>8.1239000000000006E-2</c:v>
                </c:pt>
                <c:pt idx="5951">
                  <c:v>8.1226000000000007E-2</c:v>
                </c:pt>
                <c:pt idx="5952">
                  <c:v>8.1212000000000006E-2</c:v>
                </c:pt>
                <c:pt idx="5953">
                  <c:v>8.1198999999999993E-2</c:v>
                </c:pt>
                <c:pt idx="5954">
                  <c:v>8.1184999999999993E-2</c:v>
                </c:pt>
                <c:pt idx="5955">
                  <c:v>8.1171999999999994E-2</c:v>
                </c:pt>
                <c:pt idx="5956">
                  <c:v>8.1157999999999994E-2</c:v>
                </c:pt>
                <c:pt idx="5957">
                  <c:v>8.1144999999999995E-2</c:v>
                </c:pt>
                <c:pt idx="5958">
                  <c:v>8.1130999999999995E-2</c:v>
                </c:pt>
                <c:pt idx="5959">
                  <c:v>8.1117999999999996E-2</c:v>
                </c:pt>
                <c:pt idx="5960">
                  <c:v>8.1103999999999996E-2</c:v>
                </c:pt>
                <c:pt idx="5961">
                  <c:v>8.1089999999999995E-2</c:v>
                </c:pt>
                <c:pt idx="5962">
                  <c:v>8.1076999999999996E-2</c:v>
                </c:pt>
                <c:pt idx="5963">
                  <c:v>8.1063999999999997E-2</c:v>
                </c:pt>
                <c:pt idx="5964">
                  <c:v>8.1049999999999997E-2</c:v>
                </c:pt>
                <c:pt idx="5965">
                  <c:v>8.1036999999999998E-2</c:v>
                </c:pt>
                <c:pt idx="5966">
                  <c:v>8.1022999999999998E-2</c:v>
                </c:pt>
                <c:pt idx="5967">
                  <c:v>8.1009999999999999E-2</c:v>
                </c:pt>
                <c:pt idx="5968">
                  <c:v>8.0995999999999999E-2</c:v>
                </c:pt>
                <c:pt idx="5969">
                  <c:v>8.0982999999999999E-2</c:v>
                </c:pt>
                <c:pt idx="5970">
                  <c:v>8.0968999999999999E-2</c:v>
                </c:pt>
                <c:pt idx="5971">
                  <c:v>8.0956E-2</c:v>
                </c:pt>
                <c:pt idx="5972">
                  <c:v>8.0942E-2</c:v>
                </c:pt>
                <c:pt idx="5973">
                  <c:v>8.0929000000000001E-2</c:v>
                </c:pt>
                <c:pt idx="5974">
                  <c:v>8.0915000000000001E-2</c:v>
                </c:pt>
                <c:pt idx="5975">
                  <c:v>8.0902000000000002E-2</c:v>
                </c:pt>
                <c:pt idx="5976">
                  <c:v>8.0888000000000002E-2</c:v>
                </c:pt>
                <c:pt idx="5977">
                  <c:v>8.0875000000000002E-2</c:v>
                </c:pt>
                <c:pt idx="5978">
                  <c:v>8.0862000000000003E-2</c:v>
                </c:pt>
                <c:pt idx="5979">
                  <c:v>8.0848000000000003E-2</c:v>
                </c:pt>
                <c:pt idx="5980">
                  <c:v>8.0835000000000004E-2</c:v>
                </c:pt>
                <c:pt idx="5981">
                  <c:v>8.0821000000000004E-2</c:v>
                </c:pt>
                <c:pt idx="5982">
                  <c:v>8.0808000000000005E-2</c:v>
                </c:pt>
                <c:pt idx="5983">
                  <c:v>8.0795000000000006E-2</c:v>
                </c:pt>
                <c:pt idx="5984">
                  <c:v>8.0781000000000006E-2</c:v>
                </c:pt>
                <c:pt idx="5985">
                  <c:v>8.0768000000000006E-2</c:v>
                </c:pt>
                <c:pt idx="5986">
                  <c:v>8.0754000000000006E-2</c:v>
                </c:pt>
                <c:pt idx="5987">
                  <c:v>8.0740999999999993E-2</c:v>
                </c:pt>
                <c:pt idx="5988">
                  <c:v>8.0727999999999994E-2</c:v>
                </c:pt>
                <c:pt idx="5989">
                  <c:v>8.0713999999999994E-2</c:v>
                </c:pt>
                <c:pt idx="5990">
                  <c:v>8.0700999999999995E-2</c:v>
                </c:pt>
                <c:pt idx="5991">
                  <c:v>8.0686999999999995E-2</c:v>
                </c:pt>
                <c:pt idx="5992">
                  <c:v>8.0673999999999996E-2</c:v>
                </c:pt>
                <c:pt idx="5993">
                  <c:v>8.0660999999999997E-2</c:v>
                </c:pt>
                <c:pt idx="5994">
                  <c:v>8.0646999999999996E-2</c:v>
                </c:pt>
                <c:pt idx="5995">
                  <c:v>8.0633999999999997E-2</c:v>
                </c:pt>
                <c:pt idx="5996">
                  <c:v>8.0620999999999998E-2</c:v>
                </c:pt>
                <c:pt idx="5997">
                  <c:v>8.0606999999999998E-2</c:v>
                </c:pt>
                <c:pt idx="5998">
                  <c:v>8.0593999999999999E-2</c:v>
                </c:pt>
                <c:pt idx="5999">
                  <c:v>8.0581E-2</c:v>
                </c:pt>
                <c:pt idx="6000">
                  <c:v>8.0567E-2</c:v>
                </c:pt>
                <c:pt idx="6001">
                  <c:v>8.0554000000000001E-2</c:v>
                </c:pt>
                <c:pt idx="6002">
                  <c:v>8.0541000000000001E-2</c:v>
                </c:pt>
                <c:pt idx="6003">
                  <c:v>8.0527000000000001E-2</c:v>
                </c:pt>
                <c:pt idx="6004">
                  <c:v>8.0514000000000002E-2</c:v>
                </c:pt>
                <c:pt idx="6005">
                  <c:v>8.0501000000000003E-2</c:v>
                </c:pt>
                <c:pt idx="6006">
                  <c:v>8.0487000000000003E-2</c:v>
                </c:pt>
                <c:pt idx="6007">
                  <c:v>8.0474000000000004E-2</c:v>
                </c:pt>
                <c:pt idx="6008">
                  <c:v>8.0461000000000005E-2</c:v>
                </c:pt>
                <c:pt idx="6009">
                  <c:v>8.0448000000000006E-2</c:v>
                </c:pt>
                <c:pt idx="6010">
                  <c:v>8.0434000000000005E-2</c:v>
                </c:pt>
                <c:pt idx="6011">
                  <c:v>8.0421000000000006E-2</c:v>
                </c:pt>
                <c:pt idx="6012">
                  <c:v>8.0407999999999993E-2</c:v>
                </c:pt>
                <c:pt idx="6013">
                  <c:v>8.0393999999999993E-2</c:v>
                </c:pt>
                <c:pt idx="6014">
                  <c:v>8.0380999999999994E-2</c:v>
                </c:pt>
                <c:pt idx="6015">
                  <c:v>8.0367999999999995E-2</c:v>
                </c:pt>
                <c:pt idx="6016">
                  <c:v>8.0354999999999996E-2</c:v>
                </c:pt>
                <c:pt idx="6017">
                  <c:v>8.0340999999999996E-2</c:v>
                </c:pt>
                <c:pt idx="6018">
                  <c:v>8.0327999999999997E-2</c:v>
                </c:pt>
                <c:pt idx="6019">
                  <c:v>8.0314999999999998E-2</c:v>
                </c:pt>
                <c:pt idx="6020">
                  <c:v>8.0301999999999998E-2</c:v>
                </c:pt>
                <c:pt idx="6021">
                  <c:v>8.0287999999999998E-2</c:v>
                </c:pt>
                <c:pt idx="6022">
                  <c:v>8.0274999999999999E-2</c:v>
                </c:pt>
                <c:pt idx="6023">
                  <c:v>8.0262E-2</c:v>
                </c:pt>
                <c:pt idx="6024">
                  <c:v>8.0249000000000001E-2</c:v>
                </c:pt>
                <c:pt idx="6025">
                  <c:v>8.0236000000000002E-2</c:v>
                </c:pt>
                <c:pt idx="6026">
                  <c:v>8.0222000000000002E-2</c:v>
                </c:pt>
                <c:pt idx="6027">
                  <c:v>8.0209000000000003E-2</c:v>
                </c:pt>
                <c:pt idx="6028">
                  <c:v>8.0196000000000003E-2</c:v>
                </c:pt>
                <c:pt idx="6029">
                  <c:v>8.0183000000000004E-2</c:v>
                </c:pt>
                <c:pt idx="6030">
                  <c:v>8.0170000000000005E-2</c:v>
                </c:pt>
                <c:pt idx="6031">
                  <c:v>8.0156000000000005E-2</c:v>
                </c:pt>
                <c:pt idx="6032">
                  <c:v>8.0143000000000006E-2</c:v>
                </c:pt>
                <c:pt idx="6033">
                  <c:v>8.0130000000000007E-2</c:v>
                </c:pt>
                <c:pt idx="6034">
                  <c:v>8.0116999999999994E-2</c:v>
                </c:pt>
                <c:pt idx="6035">
                  <c:v>8.0103999999999995E-2</c:v>
                </c:pt>
                <c:pt idx="6036">
                  <c:v>8.0089999999999995E-2</c:v>
                </c:pt>
                <c:pt idx="6037">
                  <c:v>8.0076999999999995E-2</c:v>
                </c:pt>
                <c:pt idx="6038">
                  <c:v>8.0063999999999996E-2</c:v>
                </c:pt>
                <c:pt idx="6039">
                  <c:v>8.0050999999999997E-2</c:v>
                </c:pt>
                <c:pt idx="6040">
                  <c:v>8.0037999999999998E-2</c:v>
                </c:pt>
                <c:pt idx="6041">
                  <c:v>8.0024999999999999E-2</c:v>
                </c:pt>
                <c:pt idx="6042">
                  <c:v>8.0010999999999999E-2</c:v>
                </c:pt>
                <c:pt idx="6043">
                  <c:v>7.9998E-2</c:v>
                </c:pt>
                <c:pt idx="6044">
                  <c:v>7.9985000000000001E-2</c:v>
                </c:pt>
                <c:pt idx="6045">
                  <c:v>7.9972000000000001E-2</c:v>
                </c:pt>
                <c:pt idx="6046">
                  <c:v>7.9959000000000002E-2</c:v>
                </c:pt>
                <c:pt idx="6047">
                  <c:v>7.9946000000000003E-2</c:v>
                </c:pt>
                <c:pt idx="6048">
                  <c:v>7.9933000000000004E-2</c:v>
                </c:pt>
                <c:pt idx="6049">
                  <c:v>7.9920000000000005E-2</c:v>
                </c:pt>
                <c:pt idx="6050">
                  <c:v>7.9906000000000005E-2</c:v>
                </c:pt>
                <c:pt idx="6051">
                  <c:v>7.9893000000000006E-2</c:v>
                </c:pt>
                <c:pt idx="6052">
                  <c:v>7.9880000000000007E-2</c:v>
                </c:pt>
                <c:pt idx="6053">
                  <c:v>7.9866999999999994E-2</c:v>
                </c:pt>
                <c:pt idx="6054">
                  <c:v>7.9853999999999994E-2</c:v>
                </c:pt>
                <c:pt idx="6055">
                  <c:v>7.9840999999999995E-2</c:v>
                </c:pt>
                <c:pt idx="6056">
                  <c:v>7.9827999999999996E-2</c:v>
                </c:pt>
                <c:pt idx="6057">
                  <c:v>7.9814999999999997E-2</c:v>
                </c:pt>
                <c:pt idx="6058">
                  <c:v>7.9801999999999998E-2</c:v>
                </c:pt>
                <c:pt idx="6059">
                  <c:v>7.9788999999999999E-2</c:v>
                </c:pt>
                <c:pt idx="6060">
                  <c:v>7.9776E-2</c:v>
                </c:pt>
                <c:pt idx="6061">
                  <c:v>7.9763000000000001E-2</c:v>
                </c:pt>
                <c:pt idx="6062">
                  <c:v>7.9749E-2</c:v>
                </c:pt>
                <c:pt idx="6063">
                  <c:v>7.9736000000000001E-2</c:v>
                </c:pt>
                <c:pt idx="6064">
                  <c:v>7.9723000000000002E-2</c:v>
                </c:pt>
                <c:pt idx="6065">
                  <c:v>7.9710000000000003E-2</c:v>
                </c:pt>
                <c:pt idx="6066">
                  <c:v>7.9697000000000004E-2</c:v>
                </c:pt>
                <c:pt idx="6067">
                  <c:v>7.9684000000000005E-2</c:v>
                </c:pt>
                <c:pt idx="6068">
                  <c:v>7.9671000000000006E-2</c:v>
                </c:pt>
                <c:pt idx="6069">
                  <c:v>7.9658000000000007E-2</c:v>
                </c:pt>
                <c:pt idx="6070">
                  <c:v>7.9644999999999994E-2</c:v>
                </c:pt>
                <c:pt idx="6071">
                  <c:v>7.9631999999999994E-2</c:v>
                </c:pt>
                <c:pt idx="6072">
                  <c:v>7.9618999999999995E-2</c:v>
                </c:pt>
                <c:pt idx="6073">
                  <c:v>7.9605999999999996E-2</c:v>
                </c:pt>
                <c:pt idx="6074">
                  <c:v>7.9592999999999997E-2</c:v>
                </c:pt>
                <c:pt idx="6075">
                  <c:v>7.9579999999999998E-2</c:v>
                </c:pt>
                <c:pt idx="6076">
                  <c:v>7.9566999999999999E-2</c:v>
                </c:pt>
                <c:pt idx="6077">
                  <c:v>7.9554E-2</c:v>
                </c:pt>
                <c:pt idx="6078">
                  <c:v>7.9541000000000001E-2</c:v>
                </c:pt>
                <c:pt idx="6079">
                  <c:v>7.9528000000000001E-2</c:v>
                </c:pt>
                <c:pt idx="6080">
                  <c:v>7.9515000000000002E-2</c:v>
                </c:pt>
                <c:pt idx="6081">
                  <c:v>7.9502000000000003E-2</c:v>
                </c:pt>
                <c:pt idx="6082">
                  <c:v>7.9489000000000004E-2</c:v>
                </c:pt>
                <c:pt idx="6083">
                  <c:v>7.9476000000000005E-2</c:v>
                </c:pt>
                <c:pt idx="6084">
                  <c:v>7.9463000000000006E-2</c:v>
                </c:pt>
                <c:pt idx="6085">
                  <c:v>7.9450000000000007E-2</c:v>
                </c:pt>
                <c:pt idx="6086">
                  <c:v>7.9436999999999994E-2</c:v>
                </c:pt>
                <c:pt idx="6087">
                  <c:v>7.9423999999999995E-2</c:v>
                </c:pt>
                <c:pt idx="6088">
                  <c:v>7.9410999999999995E-2</c:v>
                </c:pt>
                <c:pt idx="6089">
                  <c:v>7.9397999999999996E-2</c:v>
                </c:pt>
                <c:pt idx="6090">
                  <c:v>7.9385999999999998E-2</c:v>
                </c:pt>
                <c:pt idx="6091">
                  <c:v>7.9372999999999999E-2</c:v>
                </c:pt>
                <c:pt idx="6092">
                  <c:v>7.936E-2</c:v>
                </c:pt>
                <c:pt idx="6093">
                  <c:v>7.9347000000000001E-2</c:v>
                </c:pt>
                <c:pt idx="6094">
                  <c:v>7.9334000000000002E-2</c:v>
                </c:pt>
                <c:pt idx="6095">
                  <c:v>7.9321000000000003E-2</c:v>
                </c:pt>
                <c:pt idx="6096">
                  <c:v>7.9308000000000003E-2</c:v>
                </c:pt>
                <c:pt idx="6097">
                  <c:v>7.9295000000000004E-2</c:v>
                </c:pt>
                <c:pt idx="6098">
                  <c:v>7.9282000000000005E-2</c:v>
                </c:pt>
                <c:pt idx="6099">
                  <c:v>7.9269000000000006E-2</c:v>
                </c:pt>
                <c:pt idx="6100">
                  <c:v>7.9255999999999993E-2</c:v>
                </c:pt>
                <c:pt idx="6101">
                  <c:v>7.9242999999999994E-2</c:v>
                </c:pt>
                <c:pt idx="6102">
                  <c:v>7.9230999999999996E-2</c:v>
                </c:pt>
                <c:pt idx="6103">
                  <c:v>7.9217999999999997E-2</c:v>
                </c:pt>
                <c:pt idx="6104">
                  <c:v>7.9204999999999998E-2</c:v>
                </c:pt>
                <c:pt idx="6105">
                  <c:v>7.9191999999999999E-2</c:v>
                </c:pt>
                <c:pt idx="6106">
                  <c:v>7.9178999999999999E-2</c:v>
                </c:pt>
                <c:pt idx="6107">
                  <c:v>7.9166E-2</c:v>
                </c:pt>
                <c:pt idx="6108">
                  <c:v>7.9153000000000001E-2</c:v>
                </c:pt>
                <c:pt idx="6109">
                  <c:v>7.9140000000000002E-2</c:v>
                </c:pt>
                <c:pt idx="6110">
                  <c:v>7.9128000000000004E-2</c:v>
                </c:pt>
                <c:pt idx="6111">
                  <c:v>7.9115000000000005E-2</c:v>
                </c:pt>
                <c:pt idx="6112">
                  <c:v>7.9102000000000006E-2</c:v>
                </c:pt>
                <c:pt idx="6113">
                  <c:v>7.9089000000000007E-2</c:v>
                </c:pt>
                <c:pt idx="6114">
                  <c:v>7.9075999999999994E-2</c:v>
                </c:pt>
                <c:pt idx="6115">
                  <c:v>7.9062999999999994E-2</c:v>
                </c:pt>
                <c:pt idx="6116">
                  <c:v>7.9050999999999996E-2</c:v>
                </c:pt>
                <c:pt idx="6117">
                  <c:v>7.9037999999999997E-2</c:v>
                </c:pt>
                <c:pt idx="6118">
                  <c:v>7.9024999999999998E-2</c:v>
                </c:pt>
                <c:pt idx="6119">
                  <c:v>7.9011999999999999E-2</c:v>
                </c:pt>
                <c:pt idx="6120">
                  <c:v>7.8999E-2</c:v>
                </c:pt>
                <c:pt idx="6121">
                  <c:v>7.8986000000000001E-2</c:v>
                </c:pt>
                <c:pt idx="6122">
                  <c:v>7.8974000000000003E-2</c:v>
                </c:pt>
                <c:pt idx="6123">
                  <c:v>7.8961000000000003E-2</c:v>
                </c:pt>
                <c:pt idx="6124">
                  <c:v>7.8948000000000004E-2</c:v>
                </c:pt>
                <c:pt idx="6125">
                  <c:v>7.8935000000000005E-2</c:v>
                </c:pt>
                <c:pt idx="6126">
                  <c:v>7.8922000000000006E-2</c:v>
                </c:pt>
                <c:pt idx="6127">
                  <c:v>7.8909999999999994E-2</c:v>
                </c:pt>
                <c:pt idx="6128">
                  <c:v>7.8896999999999995E-2</c:v>
                </c:pt>
                <c:pt idx="6129">
                  <c:v>7.8883999999999996E-2</c:v>
                </c:pt>
                <c:pt idx="6130">
                  <c:v>7.8870999999999997E-2</c:v>
                </c:pt>
                <c:pt idx="6131">
                  <c:v>7.8858999999999999E-2</c:v>
                </c:pt>
                <c:pt idx="6132">
                  <c:v>7.8845999999999999E-2</c:v>
                </c:pt>
                <c:pt idx="6133">
                  <c:v>7.8833E-2</c:v>
                </c:pt>
                <c:pt idx="6134">
                  <c:v>7.8820000000000001E-2</c:v>
                </c:pt>
                <c:pt idx="6135">
                  <c:v>7.8808000000000003E-2</c:v>
                </c:pt>
                <c:pt idx="6136">
                  <c:v>7.8795000000000004E-2</c:v>
                </c:pt>
                <c:pt idx="6137">
                  <c:v>7.8782000000000005E-2</c:v>
                </c:pt>
                <c:pt idx="6138">
                  <c:v>7.8769000000000006E-2</c:v>
                </c:pt>
                <c:pt idx="6139">
                  <c:v>7.8756999999999994E-2</c:v>
                </c:pt>
                <c:pt idx="6140">
                  <c:v>7.8743999999999995E-2</c:v>
                </c:pt>
                <c:pt idx="6141">
                  <c:v>7.8730999999999995E-2</c:v>
                </c:pt>
                <c:pt idx="6142">
                  <c:v>7.8717999999999996E-2</c:v>
                </c:pt>
                <c:pt idx="6143">
                  <c:v>7.8705999999999998E-2</c:v>
                </c:pt>
                <c:pt idx="6144">
                  <c:v>7.8692999999999999E-2</c:v>
                </c:pt>
                <c:pt idx="6145">
                  <c:v>7.868E-2</c:v>
                </c:pt>
                <c:pt idx="6146">
                  <c:v>7.8668000000000002E-2</c:v>
                </c:pt>
                <c:pt idx="6147">
                  <c:v>7.8655000000000003E-2</c:v>
                </c:pt>
                <c:pt idx="6148">
                  <c:v>7.8642000000000004E-2</c:v>
                </c:pt>
                <c:pt idx="6149">
                  <c:v>7.8629000000000004E-2</c:v>
                </c:pt>
                <c:pt idx="6150">
                  <c:v>7.8617000000000006E-2</c:v>
                </c:pt>
                <c:pt idx="6151">
                  <c:v>7.8603999999999993E-2</c:v>
                </c:pt>
                <c:pt idx="6152">
                  <c:v>7.8590999999999994E-2</c:v>
                </c:pt>
                <c:pt idx="6153">
                  <c:v>7.8578999999999996E-2</c:v>
                </c:pt>
                <c:pt idx="6154">
                  <c:v>7.8565999999999997E-2</c:v>
                </c:pt>
                <c:pt idx="6155">
                  <c:v>7.8552999999999998E-2</c:v>
                </c:pt>
                <c:pt idx="6156">
                  <c:v>7.8541E-2</c:v>
                </c:pt>
                <c:pt idx="6157">
                  <c:v>7.8528000000000001E-2</c:v>
                </c:pt>
                <c:pt idx="6158">
                  <c:v>7.8515000000000001E-2</c:v>
                </c:pt>
                <c:pt idx="6159">
                  <c:v>7.8503000000000003E-2</c:v>
                </c:pt>
                <c:pt idx="6160">
                  <c:v>7.8490000000000004E-2</c:v>
                </c:pt>
                <c:pt idx="6161">
                  <c:v>7.8477000000000005E-2</c:v>
                </c:pt>
                <c:pt idx="6162">
                  <c:v>7.8464999999999993E-2</c:v>
                </c:pt>
                <c:pt idx="6163">
                  <c:v>7.8451999999999994E-2</c:v>
                </c:pt>
                <c:pt idx="6164">
                  <c:v>7.8438999999999995E-2</c:v>
                </c:pt>
                <c:pt idx="6165">
                  <c:v>7.8426999999999997E-2</c:v>
                </c:pt>
                <c:pt idx="6166">
                  <c:v>7.8413999999999998E-2</c:v>
                </c:pt>
                <c:pt idx="6167">
                  <c:v>7.8401999999999999E-2</c:v>
                </c:pt>
                <c:pt idx="6168">
                  <c:v>7.8389E-2</c:v>
                </c:pt>
                <c:pt idx="6169">
                  <c:v>7.8376000000000001E-2</c:v>
                </c:pt>
                <c:pt idx="6170">
                  <c:v>7.8364000000000003E-2</c:v>
                </c:pt>
                <c:pt idx="6171">
                  <c:v>7.8351000000000004E-2</c:v>
                </c:pt>
                <c:pt idx="6172">
                  <c:v>7.8339000000000006E-2</c:v>
                </c:pt>
                <c:pt idx="6173">
                  <c:v>7.8326000000000007E-2</c:v>
                </c:pt>
                <c:pt idx="6174">
                  <c:v>7.8312999999999994E-2</c:v>
                </c:pt>
                <c:pt idx="6175">
                  <c:v>7.8300999999999996E-2</c:v>
                </c:pt>
                <c:pt idx="6176">
                  <c:v>7.8287999999999996E-2</c:v>
                </c:pt>
                <c:pt idx="6177">
                  <c:v>7.8275999999999998E-2</c:v>
                </c:pt>
                <c:pt idx="6178">
                  <c:v>7.8262999999999999E-2</c:v>
                </c:pt>
                <c:pt idx="6179">
                  <c:v>7.825E-2</c:v>
                </c:pt>
                <c:pt idx="6180">
                  <c:v>7.8238000000000002E-2</c:v>
                </c:pt>
                <c:pt idx="6181">
                  <c:v>7.8225000000000003E-2</c:v>
                </c:pt>
                <c:pt idx="6182">
                  <c:v>7.8213000000000005E-2</c:v>
                </c:pt>
                <c:pt idx="6183">
                  <c:v>7.8200000000000006E-2</c:v>
                </c:pt>
                <c:pt idx="6184">
                  <c:v>7.8187999999999994E-2</c:v>
                </c:pt>
                <c:pt idx="6185">
                  <c:v>7.8174999999999994E-2</c:v>
                </c:pt>
                <c:pt idx="6186">
                  <c:v>7.8162999999999996E-2</c:v>
                </c:pt>
                <c:pt idx="6187">
                  <c:v>7.8149999999999997E-2</c:v>
                </c:pt>
                <c:pt idx="6188">
                  <c:v>7.8136999999999998E-2</c:v>
                </c:pt>
                <c:pt idx="6189">
                  <c:v>7.8125E-2</c:v>
                </c:pt>
                <c:pt idx="6190">
                  <c:v>7.8112000000000001E-2</c:v>
                </c:pt>
                <c:pt idx="6191">
                  <c:v>7.8100000000000003E-2</c:v>
                </c:pt>
                <c:pt idx="6192">
                  <c:v>7.8087000000000004E-2</c:v>
                </c:pt>
                <c:pt idx="6193">
                  <c:v>7.8075000000000006E-2</c:v>
                </c:pt>
                <c:pt idx="6194">
                  <c:v>7.8062000000000006E-2</c:v>
                </c:pt>
                <c:pt idx="6195">
                  <c:v>7.8049999999999994E-2</c:v>
                </c:pt>
                <c:pt idx="6196">
                  <c:v>7.8036999999999995E-2</c:v>
                </c:pt>
                <c:pt idx="6197">
                  <c:v>7.8024999999999997E-2</c:v>
                </c:pt>
                <c:pt idx="6198">
                  <c:v>7.8011999999999998E-2</c:v>
                </c:pt>
                <c:pt idx="6199">
                  <c:v>7.8E-2</c:v>
                </c:pt>
                <c:pt idx="6200">
                  <c:v>7.7987000000000001E-2</c:v>
                </c:pt>
                <c:pt idx="6201">
                  <c:v>7.7975000000000003E-2</c:v>
                </c:pt>
                <c:pt idx="6202">
                  <c:v>7.7962000000000004E-2</c:v>
                </c:pt>
                <c:pt idx="6203">
                  <c:v>7.7950000000000005E-2</c:v>
                </c:pt>
                <c:pt idx="6204">
                  <c:v>7.7937000000000006E-2</c:v>
                </c:pt>
                <c:pt idx="6205">
                  <c:v>7.7924999999999994E-2</c:v>
                </c:pt>
                <c:pt idx="6206">
                  <c:v>7.7912999999999996E-2</c:v>
                </c:pt>
                <c:pt idx="6207">
                  <c:v>7.7899999999999997E-2</c:v>
                </c:pt>
                <c:pt idx="6208">
                  <c:v>7.7887999999999999E-2</c:v>
                </c:pt>
                <c:pt idx="6209">
                  <c:v>7.7875E-2</c:v>
                </c:pt>
                <c:pt idx="6210">
                  <c:v>7.7863000000000002E-2</c:v>
                </c:pt>
                <c:pt idx="6211">
                  <c:v>7.7850000000000003E-2</c:v>
                </c:pt>
                <c:pt idx="6212">
                  <c:v>7.7838000000000004E-2</c:v>
                </c:pt>
                <c:pt idx="6213">
                  <c:v>7.7825000000000005E-2</c:v>
                </c:pt>
                <c:pt idx="6214">
                  <c:v>7.7812999999999993E-2</c:v>
                </c:pt>
                <c:pt idx="6215">
                  <c:v>7.7800999999999995E-2</c:v>
                </c:pt>
                <c:pt idx="6216">
                  <c:v>7.7787999999999996E-2</c:v>
                </c:pt>
                <c:pt idx="6217">
                  <c:v>7.7775999999999998E-2</c:v>
                </c:pt>
                <c:pt idx="6218">
                  <c:v>7.7762999999999999E-2</c:v>
                </c:pt>
                <c:pt idx="6219">
                  <c:v>7.7751000000000001E-2</c:v>
                </c:pt>
                <c:pt idx="6220">
                  <c:v>7.7738000000000002E-2</c:v>
                </c:pt>
                <c:pt idx="6221">
                  <c:v>7.7726000000000003E-2</c:v>
                </c:pt>
                <c:pt idx="6222">
                  <c:v>7.7714000000000005E-2</c:v>
                </c:pt>
                <c:pt idx="6223">
                  <c:v>7.7701000000000006E-2</c:v>
                </c:pt>
                <c:pt idx="6224">
                  <c:v>7.7688999999999994E-2</c:v>
                </c:pt>
                <c:pt idx="6225">
                  <c:v>7.7675999999999995E-2</c:v>
                </c:pt>
                <c:pt idx="6226">
                  <c:v>7.7663999999999997E-2</c:v>
                </c:pt>
                <c:pt idx="6227">
                  <c:v>7.7651999999999999E-2</c:v>
                </c:pt>
                <c:pt idx="6228">
                  <c:v>7.7639E-2</c:v>
                </c:pt>
                <c:pt idx="6229">
                  <c:v>7.7627000000000002E-2</c:v>
                </c:pt>
                <c:pt idx="6230">
                  <c:v>7.7615000000000003E-2</c:v>
                </c:pt>
                <c:pt idx="6231">
                  <c:v>7.7602000000000004E-2</c:v>
                </c:pt>
                <c:pt idx="6232">
                  <c:v>7.7590000000000006E-2</c:v>
                </c:pt>
                <c:pt idx="6233">
                  <c:v>7.7576999999999993E-2</c:v>
                </c:pt>
                <c:pt idx="6234">
                  <c:v>7.7564999999999995E-2</c:v>
                </c:pt>
                <c:pt idx="6235">
                  <c:v>7.7552999999999997E-2</c:v>
                </c:pt>
                <c:pt idx="6236">
                  <c:v>7.7539999999999998E-2</c:v>
                </c:pt>
                <c:pt idx="6237">
                  <c:v>7.7528E-2</c:v>
                </c:pt>
                <c:pt idx="6238">
                  <c:v>7.7516000000000002E-2</c:v>
                </c:pt>
                <c:pt idx="6239">
                  <c:v>7.7503000000000002E-2</c:v>
                </c:pt>
                <c:pt idx="6240">
                  <c:v>7.7491000000000004E-2</c:v>
                </c:pt>
                <c:pt idx="6241">
                  <c:v>7.7479000000000006E-2</c:v>
                </c:pt>
                <c:pt idx="6242">
                  <c:v>7.7465999999999993E-2</c:v>
                </c:pt>
                <c:pt idx="6243">
                  <c:v>7.7453999999999995E-2</c:v>
                </c:pt>
                <c:pt idx="6244">
                  <c:v>7.7441999999999997E-2</c:v>
                </c:pt>
                <c:pt idx="6245">
                  <c:v>7.7428999999999998E-2</c:v>
                </c:pt>
                <c:pt idx="6246">
                  <c:v>7.7417E-2</c:v>
                </c:pt>
                <c:pt idx="6247">
                  <c:v>7.7405000000000002E-2</c:v>
                </c:pt>
                <c:pt idx="6248">
                  <c:v>7.7393000000000003E-2</c:v>
                </c:pt>
                <c:pt idx="6249">
                  <c:v>7.7380000000000004E-2</c:v>
                </c:pt>
                <c:pt idx="6250">
                  <c:v>7.7368000000000006E-2</c:v>
                </c:pt>
                <c:pt idx="6251">
                  <c:v>7.7355999999999994E-2</c:v>
                </c:pt>
                <c:pt idx="6252">
                  <c:v>7.7342999999999995E-2</c:v>
                </c:pt>
                <c:pt idx="6253">
                  <c:v>7.7330999999999997E-2</c:v>
                </c:pt>
                <c:pt idx="6254">
                  <c:v>7.7318999999999999E-2</c:v>
                </c:pt>
                <c:pt idx="6255">
                  <c:v>7.7307000000000001E-2</c:v>
                </c:pt>
                <c:pt idx="6256">
                  <c:v>7.7294000000000002E-2</c:v>
                </c:pt>
                <c:pt idx="6257">
                  <c:v>7.7282000000000003E-2</c:v>
                </c:pt>
                <c:pt idx="6258">
                  <c:v>7.7270000000000005E-2</c:v>
                </c:pt>
                <c:pt idx="6259">
                  <c:v>7.7257999999999993E-2</c:v>
                </c:pt>
                <c:pt idx="6260">
                  <c:v>7.7244999999999994E-2</c:v>
                </c:pt>
                <c:pt idx="6261">
                  <c:v>7.7232999999999996E-2</c:v>
                </c:pt>
                <c:pt idx="6262">
                  <c:v>7.7220999999999998E-2</c:v>
                </c:pt>
                <c:pt idx="6263">
                  <c:v>7.7209E-2</c:v>
                </c:pt>
                <c:pt idx="6264">
                  <c:v>7.7196000000000001E-2</c:v>
                </c:pt>
                <c:pt idx="6265">
                  <c:v>7.7184000000000003E-2</c:v>
                </c:pt>
                <c:pt idx="6266">
                  <c:v>7.7172000000000004E-2</c:v>
                </c:pt>
                <c:pt idx="6267">
                  <c:v>7.7160000000000006E-2</c:v>
                </c:pt>
                <c:pt idx="6268">
                  <c:v>7.7146999999999993E-2</c:v>
                </c:pt>
                <c:pt idx="6269">
                  <c:v>7.7134999999999995E-2</c:v>
                </c:pt>
                <c:pt idx="6270">
                  <c:v>7.7122999999999997E-2</c:v>
                </c:pt>
                <c:pt idx="6271">
                  <c:v>7.7110999999999999E-2</c:v>
                </c:pt>
                <c:pt idx="6272">
                  <c:v>7.7099000000000001E-2</c:v>
                </c:pt>
                <c:pt idx="6273">
                  <c:v>7.7086000000000002E-2</c:v>
                </c:pt>
                <c:pt idx="6274">
                  <c:v>7.7074000000000004E-2</c:v>
                </c:pt>
                <c:pt idx="6275">
                  <c:v>7.7062000000000005E-2</c:v>
                </c:pt>
                <c:pt idx="6276">
                  <c:v>7.7049999999999993E-2</c:v>
                </c:pt>
                <c:pt idx="6277">
                  <c:v>7.7037999999999995E-2</c:v>
                </c:pt>
                <c:pt idx="6278">
                  <c:v>7.7024999999999996E-2</c:v>
                </c:pt>
                <c:pt idx="6279">
                  <c:v>7.7012999999999998E-2</c:v>
                </c:pt>
                <c:pt idx="6280">
                  <c:v>7.7001E-2</c:v>
                </c:pt>
                <c:pt idx="6281">
                  <c:v>7.6989000000000002E-2</c:v>
                </c:pt>
                <c:pt idx="6282">
                  <c:v>7.6977000000000004E-2</c:v>
                </c:pt>
                <c:pt idx="6283">
                  <c:v>7.6965000000000006E-2</c:v>
                </c:pt>
                <c:pt idx="6284">
                  <c:v>7.6952000000000007E-2</c:v>
                </c:pt>
                <c:pt idx="6285">
                  <c:v>7.6939999999999995E-2</c:v>
                </c:pt>
                <c:pt idx="6286">
                  <c:v>7.6927999999999996E-2</c:v>
                </c:pt>
                <c:pt idx="6287">
                  <c:v>7.6915999999999998E-2</c:v>
                </c:pt>
                <c:pt idx="6288">
                  <c:v>7.6904E-2</c:v>
                </c:pt>
                <c:pt idx="6289">
                  <c:v>7.6892000000000002E-2</c:v>
                </c:pt>
                <c:pt idx="6290">
                  <c:v>7.6880000000000004E-2</c:v>
                </c:pt>
                <c:pt idx="6291">
                  <c:v>7.6867000000000005E-2</c:v>
                </c:pt>
                <c:pt idx="6292">
                  <c:v>7.6855000000000007E-2</c:v>
                </c:pt>
                <c:pt idx="6293">
                  <c:v>7.6842999999999995E-2</c:v>
                </c:pt>
                <c:pt idx="6294">
                  <c:v>7.6830999999999997E-2</c:v>
                </c:pt>
                <c:pt idx="6295">
                  <c:v>7.6818999999999998E-2</c:v>
                </c:pt>
                <c:pt idx="6296">
                  <c:v>7.6807E-2</c:v>
                </c:pt>
                <c:pt idx="6297">
                  <c:v>7.6795000000000002E-2</c:v>
                </c:pt>
                <c:pt idx="6298">
                  <c:v>7.6783000000000004E-2</c:v>
                </c:pt>
                <c:pt idx="6299">
                  <c:v>7.6770000000000005E-2</c:v>
                </c:pt>
                <c:pt idx="6300">
                  <c:v>7.6758000000000007E-2</c:v>
                </c:pt>
                <c:pt idx="6301">
                  <c:v>7.6745999999999995E-2</c:v>
                </c:pt>
                <c:pt idx="6302">
                  <c:v>7.6733999999999997E-2</c:v>
                </c:pt>
                <c:pt idx="6303">
                  <c:v>7.6721999999999999E-2</c:v>
                </c:pt>
                <c:pt idx="6304">
                  <c:v>7.671E-2</c:v>
                </c:pt>
                <c:pt idx="6305">
                  <c:v>7.6698000000000002E-2</c:v>
                </c:pt>
                <c:pt idx="6306">
                  <c:v>7.6686000000000004E-2</c:v>
                </c:pt>
                <c:pt idx="6307">
                  <c:v>7.6674000000000006E-2</c:v>
                </c:pt>
                <c:pt idx="6308">
                  <c:v>7.6661999999999994E-2</c:v>
                </c:pt>
                <c:pt idx="6309">
                  <c:v>7.6649999999999996E-2</c:v>
                </c:pt>
                <c:pt idx="6310">
                  <c:v>7.6637999999999998E-2</c:v>
                </c:pt>
                <c:pt idx="6311">
                  <c:v>7.6626E-2</c:v>
                </c:pt>
                <c:pt idx="6312">
                  <c:v>7.6613000000000001E-2</c:v>
                </c:pt>
                <c:pt idx="6313">
                  <c:v>7.6601000000000002E-2</c:v>
                </c:pt>
                <c:pt idx="6314">
                  <c:v>7.6589000000000004E-2</c:v>
                </c:pt>
                <c:pt idx="6315">
                  <c:v>7.6577000000000006E-2</c:v>
                </c:pt>
                <c:pt idx="6316">
                  <c:v>7.6564999999999994E-2</c:v>
                </c:pt>
                <c:pt idx="6317">
                  <c:v>7.6552999999999996E-2</c:v>
                </c:pt>
                <c:pt idx="6318">
                  <c:v>7.6540999999999998E-2</c:v>
                </c:pt>
                <c:pt idx="6319">
                  <c:v>7.6529E-2</c:v>
                </c:pt>
                <c:pt idx="6320">
                  <c:v>7.6517000000000002E-2</c:v>
                </c:pt>
                <c:pt idx="6321">
                  <c:v>7.6505000000000004E-2</c:v>
                </c:pt>
                <c:pt idx="6322">
                  <c:v>7.6493000000000005E-2</c:v>
                </c:pt>
                <c:pt idx="6323">
                  <c:v>7.6480999999999993E-2</c:v>
                </c:pt>
                <c:pt idx="6324">
                  <c:v>7.6468999999999995E-2</c:v>
                </c:pt>
                <c:pt idx="6325">
                  <c:v>7.6456999999999997E-2</c:v>
                </c:pt>
                <c:pt idx="6326">
                  <c:v>7.6444999999999999E-2</c:v>
                </c:pt>
                <c:pt idx="6327">
                  <c:v>7.6433000000000001E-2</c:v>
                </c:pt>
                <c:pt idx="6328">
                  <c:v>7.6421000000000003E-2</c:v>
                </c:pt>
                <c:pt idx="6329">
                  <c:v>7.6409000000000005E-2</c:v>
                </c:pt>
                <c:pt idx="6330">
                  <c:v>7.6397000000000007E-2</c:v>
                </c:pt>
                <c:pt idx="6331">
                  <c:v>7.6384999999999995E-2</c:v>
                </c:pt>
                <c:pt idx="6332">
                  <c:v>7.6372999999999996E-2</c:v>
                </c:pt>
                <c:pt idx="6333">
                  <c:v>7.6360999999999998E-2</c:v>
                </c:pt>
                <c:pt idx="6334">
                  <c:v>7.6349E-2</c:v>
                </c:pt>
                <c:pt idx="6335">
                  <c:v>7.6337000000000002E-2</c:v>
                </c:pt>
                <c:pt idx="6336">
                  <c:v>7.6325000000000004E-2</c:v>
                </c:pt>
                <c:pt idx="6337">
                  <c:v>7.6313000000000006E-2</c:v>
                </c:pt>
                <c:pt idx="6338">
                  <c:v>7.6300999999999994E-2</c:v>
                </c:pt>
                <c:pt idx="6339">
                  <c:v>7.6289999999999997E-2</c:v>
                </c:pt>
                <c:pt idx="6340">
                  <c:v>7.6277999999999999E-2</c:v>
                </c:pt>
                <c:pt idx="6341">
                  <c:v>7.6266E-2</c:v>
                </c:pt>
                <c:pt idx="6342">
                  <c:v>7.6254000000000002E-2</c:v>
                </c:pt>
                <c:pt idx="6343">
                  <c:v>7.6242000000000004E-2</c:v>
                </c:pt>
                <c:pt idx="6344">
                  <c:v>7.6230000000000006E-2</c:v>
                </c:pt>
                <c:pt idx="6345">
                  <c:v>7.6217999999999994E-2</c:v>
                </c:pt>
                <c:pt idx="6346">
                  <c:v>7.6205999999999996E-2</c:v>
                </c:pt>
                <c:pt idx="6347">
                  <c:v>7.6193999999999998E-2</c:v>
                </c:pt>
                <c:pt idx="6348">
                  <c:v>7.6182E-2</c:v>
                </c:pt>
                <c:pt idx="6349">
                  <c:v>7.6170000000000002E-2</c:v>
                </c:pt>
                <c:pt idx="6350">
                  <c:v>7.6158000000000003E-2</c:v>
                </c:pt>
                <c:pt idx="6351">
                  <c:v>7.6146000000000005E-2</c:v>
                </c:pt>
                <c:pt idx="6352">
                  <c:v>7.6133999999999993E-2</c:v>
                </c:pt>
                <c:pt idx="6353">
                  <c:v>7.6122999999999996E-2</c:v>
                </c:pt>
                <c:pt idx="6354">
                  <c:v>7.6110999999999998E-2</c:v>
                </c:pt>
                <c:pt idx="6355">
                  <c:v>7.6099E-2</c:v>
                </c:pt>
                <c:pt idx="6356">
                  <c:v>7.6087000000000002E-2</c:v>
                </c:pt>
                <c:pt idx="6357">
                  <c:v>7.6075000000000004E-2</c:v>
                </c:pt>
                <c:pt idx="6358">
                  <c:v>7.6063000000000006E-2</c:v>
                </c:pt>
                <c:pt idx="6359">
                  <c:v>7.6050999999999994E-2</c:v>
                </c:pt>
                <c:pt idx="6360">
                  <c:v>7.6038999999999995E-2</c:v>
                </c:pt>
                <c:pt idx="6361">
                  <c:v>7.6027999999999998E-2</c:v>
                </c:pt>
                <c:pt idx="6362">
                  <c:v>7.6016E-2</c:v>
                </c:pt>
                <c:pt idx="6363">
                  <c:v>7.6004000000000002E-2</c:v>
                </c:pt>
                <c:pt idx="6364">
                  <c:v>7.5992000000000004E-2</c:v>
                </c:pt>
                <c:pt idx="6365">
                  <c:v>7.5980000000000006E-2</c:v>
                </c:pt>
                <c:pt idx="6366">
                  <c:v>7.5967999999999994E-2</c:v>
                </c:pt>
                <c:pt idx="6367">
                  <c:v>7.5955999999999996E-2</c:v>
                </c:pt>
                <c:pt idx="6368">
                  <c:v>7.5944999999999999E-2</c:v>
                </c:pt>
                <c:pt idx="6369">
                  <c:v>7.5933E-2</c:v>
                </c:pt>
                <c:pt idx="6370">
                  <c:v>7.5921000000000002E-2</c:v>
                </c:pt>
                <c:pt idx="6371">
                  <c:v>7.5909000000000004E-2</c:v>
                </c:pt>
                <c:pt idx="6372">
                  <c:v>7.5897000000000006E-2</c:v>
                </c:pt>
                <c:pt idx="6373">
                  <c:v>7.5884999999999994E-2</c:v>
                </c:pt>
                <c:pt idx="6374">
                  <c:v>7.5873999999999997E-2</c:v>
                </c:pt>
                <c:pt idx="6375">
                  <c:v>7.5861999999999999E-2</c:v>
                </c:pt>
                <c:pt idx="6376">
                  <c:v>7.5850000000000001E-2</c:v>
                </c:pt>
                <c:pt idx="6377">
                  <c:v>7.5838000000000003E-2</c:v>
                </c:pt>
                <c:pt idx="6378">
                  <c:v>7.5826000000000005E-2</c:v>
                </c:pt>
                <c:pt idx="6379">
                  <c:v>7.5814999999999994E-2</c:v>
                </c:pt>
                <c:pt idx="6380">
                  <c:v>7.5802999999999995E-2</c:v>
                </c:pt>
                <c:pt idx="6381">
                  <c:v>7.5790999999999997E-2</c:v>
                </c:pt>
                <c:pt idx="6382">
                  <c:v>7.5778999999999999E-2</c:v>
                </c:pt>
                <c:pt idx="6383">
                  <c:v>7.5767000000000001E-2</c:v>
                </c:pt>
                <c:pt idx="6384">
                  <c:v>7.5756000000000004E-2</c:v>
                </c:pt>
                <c:pt idx="6385">
                  <c:v>7.5744000000000006E-2</c:v>
                </c:pt>
                <c:pt idx="6386">
                  <c:v>7.5731999999999994E-2</c:v>
                </c:pt>
                <c:pt idx="6387">
                  <c:v>7.5719999999999996E-2</c:v>
                </c:pt>
                <c:pt idx="6388">
                  <c:v>7.5707999999999998E-2</c:v>
                </c:pt>
                <c:pt idx="6389">
                  <c:v>7.5697E-2</c:v>
                </c:pt>
                <c:pt idx="6390">
                  <c:v>7.5685000000000002E-2</c:v>
                </c:pt>
                <c:pt idx="6391">
                  <c:v>7.5673000000000004E-2</c:v>
                </c:pt>
                <c:pt idx="6392">
                  <c:v>7.5661000000000006E-2</c:v>
                </c:pt>
                <c:pt idx="6393">
                  <c:v>7.5649999999999995E-2</c:v>
                </c:pt>
                <c:pt idx="6394">
                  <c:v>7.5637999999999997E-2</c:v>
                </c:pt>
                <c:pt idx="6395">
                  <c:v>7.5625999999999999E-2</c:v>
                </c:pt>
                <c:pt idx="6396">
                  <c:v>7.5614000000000001E-2</c:v>
                </c:pt>
                <c:pt idx="6397">
                  <c:v>7.5603000000000004E-2</c:v>
                </c:pt>
                <c:pt idx="6398">
                  <c:v>7.5591000000000005E-2</c:v>
                </c:pt>
                <c:pt idx="6399">
                  <c:v>7.5578999999999993E-2</c:v>
                </c:pt>
                <c:pt idx="6400">
                  <c:v>7.5567999999999996E-2</c:v>
                </c:pt>
                <c:pt idx="6401">
                  <c:v>7.5555999999999998E-2</c:v>
                </c:pt>
                <c:pt idx="6402">
                  <c:v>7.5544E-2</c:v>
                </c:pt>
                <c:pt idx="6403">
                  <c:v>7.5532000000000002E-2</c:v>
                </c:pt>
                <c:pt idx="6404">
                  <c:v>7.5521000000000005E-2</c:v>
                </c:pt>
                <c:pt idx="6405">
                  <c:v>7.5509000000000007E-2</c:v>
                </c:pt>
                <c:pt idx="6406">
                  <c:v>7.5496999999999995E-2</c:v>
                </c:pt>
                <c:pt idx="6407">
                  <c:v>7.5485999999999998E-2</c:v>
                </c:pt>
                <c:pt idx="6408">
                  <c:v>7.5473999999999999E-2</c:v>
                </c:pt>
                <c:pt idx="6409">
                  <c:v>7.5462000000000001E-2</c:v>
                </c:pt>
                <c:pt idx="6410">
                  <c:v>7.5450000000000003E-2</c:v>
                </c:pt>
                <c:pt idx="6411">
                  <c:v>7.5439000000000006E-2</c:v>
                </c:pt>
                <c:pt idx="6412">
                  <c:v>7.5426999999999994E-2</c:v>
                </c:pt>
                <c:pt idx="6413">
                  <c:v>7.5414999999999996E-2</c:v>
                </c:pt>
                <c:pt idx="6414">
                  <c:v>7.5403999999999999E-2</c:v>
                </c:pt>
                <c:pt idx="6415">
                  <c:v>7.5392000000000001E-2</c:v>
                </c:pt>
                <c:pt idx="6416">
                  <c:v>7.5380000000000003E-2</c:v>
                </c:pt>
                <c:pt idx="6417">
                  <c:v>7.5369000000000005E-2</c:v>
                </c:pt>
                <c:pt idx="6418">
                  <c:v>7.5356999999999993E-2</c:v>
                </c:pt>
                <c:pt idx="6419">
                  <c:v>7.5344999999999995E-2</c:v>
                </c:pt>
                <c:pt idx="6420">
                  <c:v>7.5333999999999998E-2</c:v>
                </c:pt>
                <c:pt idx="6421">
                  <c:v>7.5322E-2</c:v>
                </c:pt>
                <c:pt idx="6422">
                  <c:v>7.5311000000000003E-2</c:v>
                </c:pt>
                <c:pt idx="6423">
                  <c:v>7.5299000000000005E-2</c:v>
                </c:pt>
                <c:pt idx="6424">
                  <c:v>7.5287000000000007E-2</c:v>
                </c:pt>
                <c:pt idx="6425">
                  <c:v>7.5275999999999996E-2</c:v>
                </c:pt>
                <c:pt idx="6426">
                  <c:v>7.5263999999999998E-2</c:v>
                </c:pt>
                <c:pt idx="6427">
                  <c:v>7.5251999999999999E-2</c:v>
                </c:pt>
                <c:pt idx="6428">
                  <c:v>7.5241000000000002E-2</c:v>
                </c:pt>
                <c:pt idx="6429">
                  <c:v>7.5229000000000004E-2</c:v>
                </c:pt>
                <c:pt idx="6430">
                  <c:v>7.5217000000000006E-2</c:v>
                </c:pt>
                <c:pt idx="6431">
                  <c:v>7.5205999999999995E-2</c:v>
                </c:pt>
                <c:pt idx="6432">
                  <c:v>7.5193999999999997E-2</c:v>
                </c:pt>
                <c:pt idx="6433">
                  <c:v>7.5183E-2</c:v>
                </c:pt>
                <c:pt idx="6434">
                  <c:v>7.5171000000000002E-2</c:v>
                </c:pt>
                <c:pt idx="6435">
                  <c:v>7.5159000000000004E-2</c:v>
                </c:pt>
                <c:pt idx="6436">
                  <c:v>7.5148000000000006E-2</c:v>
                </c:pt>
                <c:pt idx="6437">
                  <c:v>7.5135999999999994E-2</c:v>
                </c:pt>
                <c:pt idx="6438">
                  <c:v>7.5124999999999997E-2</c:v>
                </c:pt>
                <c:pt idx="6439">
                  <c:v>7.5112999999999999E-2</c:v>
                </c:pt>
                <c:pt idx="6440">
                  <c:v>7.5102000000000002E-2</c:v>
                </c:pt>
                <c:pt idx="6441">
                  <c:v>7.5090000000000004E-2</c:v>
                </c:pt>
                <c:pt idx="6442">
                  <c:v>7.5078000000000006E-2</c:v>
                </c:pt>
                <c:pt idx="6443">
                  <c:v>7.5066999999999995E-2</c:v>
                </c:pt>
                <c:pt idx="6444">
                  <c:v>7.5054999999999997E-2</c:v>
                </c:pt>
                <c:pt idx="6445">
                  <c:v>7.5044E-2</c:v>
                </c:pt>
                <c:pt idx="6446">
                  <c:v>7.5032000000000001E-2</c:v>
                </c:pt>
                <c:pt idx="6447">
                  <c:v>7.5021000000000004E-2</c:v>
                </c:pt>
                <c:pt idx="6448">
                  <c:v>7.5009000000000006E-2</c:v>
                </c:pt>
                <c:pt idx="6449">
                  <c:v>7.4996999999999994E-2</c:v>
                </c:pt>
                <c:pt idx="6450">
                  <c:v>7.4985999999999997E-2</c:v>
                </c:pt>
                <c:pt idx="6451">
                  <c:v>7.4973999999999999E-2</c:v>
                </c:pt>
                <c:pt idx="6452">
                  <c:v>7.4963000000000002E-2</c:v>
                </c:pt>
                <c:pt idx="6453">
                  <c:v>7.4951000000000004E-2</c:v>
                </c:pt>
                <c:pt idx="6454">
                  <c:v>7.4940000000000007E-2</c:v>
                </c:pt>
                <c:pt idx="6455">
                  <c:v>7.4927999999999995E-2</c:v>
                </c:pt>
                <c:pt idx="6456">
                  <c:v>7.4916999999999997E-2</c:v>
                </c:pt>
                <c:pt idx="6457">
                  <c:v>7.4904999999999999E-2</c:v>
                </c:pt>
                <c:pt idx="6458">
                  <c:v>7.4894000000000002E-2</c:v>
                </c:pt>
                <c:pt idx="6459">
                  <c:v>7.4882000000000004E-2</c:v>
                </c:pt>
                <c:pt idx="6460">
                  <c:v>7.4870999999999993E-2</c:v>
                </c:pt>
                <c:pt idx="6461">
                  <c:v>7.4858999999999995E-2</c:v>
                </c:pt>
                <c:pt idx="6462">
                  <c:v>7.4847999999999998E-2</c:v>
                </c:pt>
                <c:pt idx="6463">
                  <c:v>7.4836E-2</c:v>
                </c:pt>
                <c:pt idx="6464">
                  <c:v>7.4825000000000003E-2</c:v>
                </c:pt>
                <c:pt idx="6465">
                  <c:v>7.4813000000000004E-2</c:v>
                </c:pt>
                <c:pt idx="6466">
                  <c:v>7.4801999999999993E-2</c:v>
                </c:pt>
                <c:pt idx="6467">
                  <c:v>7.4789999999999995E-2</c:v>
                </c:pt>
                <c:pt idx="6468">
                  <c:v>7.4778999999999998E-2</c:v>
                </c:pt>
                <c:pt idx="6469">
                  <c:v>7.4767E-2</c:v>
                </c:pt>
                <c:pt idx="6470">
                  <c:v>7.4756000000000003E-2</c:v>
                </c:pt>
                <c:pt idx="6471">
                  <c:v>7.4744000000000005E-2</c:v>
                </c:pt>
                <c:pt idx="6472">
                  <c:v>7.4732999999999994E-2</c:v>
                </c:pt>
                <c:pt idx="6473">
                  <c:v>7.4720999999999996E-2</c:v>
                </c:pt>
                <c:pt idx="6474">
                  <c:v>7.4709999999999999E-2</c:v>
                </c:pt>
                <c:pt idx="6475">
                  <c:v>7.4698000000000001E-2</c:v>
                </c:pt>
                <c:pt idx="6476">
                  <c:v>7.4687000000000003E-2</c:v>
                </c:pt>
                <c:pt idx="6477">
                  <c:v>7.4676000000000006E-2</c:v>
                </c:pt>
                <c:pt idx="6478">
                  <c:v>7.4663999999999994E-2</c:v>
                </c:pt>
                <c:pt idx="6479">
                  <c:v>7.4652999999999997E-2</c:v>
                </c:pt>
                <c:pt idx="6480">
                  <c:v>7.4640999999999999E-2</c:v>
                </c:pt>
                <c:pt idx="6481">
                  <c:v>7.4630000000000002E-2</c:v>
                </c:pt>
                <c:pt idx="6482">
                  <c:v>7.4618000000000004E-2</c:v>
                </c:pt>
                <c:pt idx="6483">
                  <c:v>7.4607000000000007E-2</c:v>
                </c:pt>
                <c:pt idx="6484">
                  <c:v>7.4594999999999995E-2</c:v>
                </c:pt>
                <c:pt idx="6485">
                  <c:v>7.4583999999999998E-2</c:v>
                </c:pt>
                <c:pt idx="6486">
                  <c:v>7.4573E-2</c:v>
                </c:pt>
                <c:pt idx="6487">
                  <c:v>7.4561000000000002E-2</c:v>
                </c:pt>
                <c:pt idx="6488">
                  <c:v>7.4550000000000005E-2</c:v>
                </c:pt>
                <c:pt idx="6489">
                  <c:v>7.4537999999999993E-2</c:v>
                </c:pt>
                <c:pt idx="6490">
                  <c:v>7.4526999999999996E-2</c:v>
                </c:pt>
                <c:pt idx="6491">
                  <c:v>7.4515999999999999E-2</c:v>
                </c:pt>
                <c:pt idx="6492">
                  <c:v>7.4504000000000001E-2</c:v>
                </c:pt>
                <c:pt idx="6493">
                  <c:v>7.4493000000000004E-2</c:v>
                </c:pt>
                <c:pt idx="6494">
                  <c:v>7.4481000000000006E-2</c:v>
                </c:pt>
                <c:pt idx="6495">
                  <c:v>7.4469999999999995E-2</c:v>
                </c:pt>
                <c:pt idx="6496">
                  <c:v>7.4458999999999997E-2</c:v>
                </c:pt>
                <c:pt idx="6497">
                  <c:v>7.4446999999999999E-2</c:v>
                </c:pt>
                <c:pt idx="6498">
                  <c:v>7.4436000000000002E-2</c:v>
                </c:pt>
                <c:pt idx="6499">
                  <c:v>7.4424000000000004E-2</c:v>
                </c:pt>
                <c:pt idx="6500">
                  <c:v>7.4413000000000007E-2</c:v>
                </c:pt>
                <c:pt idx="6501">
                  <c:v>7.4401999999999996E-2</c:v>
                </c:pt>
                <c:pt idx="6502">
                  <c:v>7.4389999999999998E-2</c:v>
                </c:pt>
                <c:pt idx="6503">
                  <c:v>7.4379000000000001E-2</c:v>
                </c:pt>
                <c:pt idx="6504">
                  <c:v>7.4368000000000004E-2</c:v>
                </c:pt>
                <c:pt idx="6505">
                  <c:v>7.4356000000000005E-2</c:v>
                </c:pt>
                <c:pt idx="6506">
                  <c:v>7.4344999999999994E-2</c:v>
                </c:pt>
                <c:pt idx="6507">
                  <c:v>7.4333999999999997E-2</c:v>
                </c:pt>
                <c:pt idx="6508">
                  <c:v>7.4321999999999999E-2</c:v>
                </c:pt>
                <c:pt idx="6509">
                  <c:v>7.4311000000000002E-2</c:v>
                </c:pt>
                <c:pt idx="6510">
                  <c:v>7.4300000000000005E-2</c:v>
                </c:pt>
                <c:pt idx="6511">
                  <c:v>7.4288000000000007E-2</c:v>
                </c:pt>
                <c:pt idx="6512">
                  <c:v>7.4276999999999996E-2</c:v>
                </c:pt>
                <c:pt idx="6513">
                  <c:v>7.4265999999999999E-2</c:v>
                </c:pt>
                <c:pt idx="6514">
                  <c:v>7.4254000000000001E-2</c:v>
                </c:pt>
                <c:pt idx="6515">
                  <c:v>7.4243000000000003E-2</c:v>
                </c:pt>
                <c:pt idx="6516">
                  <c:v>7.4232000000000006E-2</c:v>
                </c:pt>
                <c:pt idx="6517">
                  <c:v>7.4219999999999994E-2</c:v>
                </c:pt>
                <c:pt idx="6518">
                  <c:v>7.4208999999999997E-2</c:v>
                </c:pt>
                <c:pt idx="6519">
                  <c:v>7.4198E-2</c:v>
                </c:pt>
                <c:pt idx="6520">
                  <c:v>7.4186000000000002E-2</c:v>
                </c:pt>
                <c:pt idx="6521">
                  <c:v>7.4175000000000005E-2</c:v>
                </c:pt>
                <c:pt idx="6522">
                  <c:v>7.4163999999999994E-2</c:v>
                </c:pt>
                <c:pt idx="6523">
                  <c:v>7.4152999999999997E-2</c:v>
                </c:pt>
                <c:pt idx="6524">
                  <c:v>7.4140999999999999E-2</c:v>
                </c:pt>
                <c:pt idx="6525">
                  <c:v>7.4130000000000001E-2</c:v>
                </c:pt>
                <c:pt idx="6526">
                  <c:v>7.4119000000000004E-2</c:v>
                </c:pt>
                <c:pt idx="6527">
                  <c:v>7.4107000000000006E-2</c:v>
                </c:pt>
                <c:pt idx="6528">
                  <c:v>7.4095999999999995E-2</c:v>
                </c:pt>
                <c:pt idx="6529">
                  <c:v>7.4084999999999998E-2</c:v>
                </c:pt>
                <c:pt idx="6530">
                  <c:v>7.4074000000000001E-2</c:v>
                </c:pt>
                <c:pt idx="6531">
                  <c:v>7.4062000000000003E-2</c:v>
                </c:pt>
                <c:pt idx="6532">
                  <c:v>7.4051000000000006E-2</c:v>
                </c:pt>
                <c:pt idx="6533">
                  <c:v>7.4039999999999995E-2</c:v>
                </c:pt>
                <c:pt idx="6534">
                  <c:v>7.4028999999999998E-2</c:v>
                </c:pt>
                <c:pt idx="6535">
                  <c:v>7.4016999999999999E-2</c:v>
                </c:pt>
                <c:pt idx="6536">
                  <c:v>7.4006000000000002E-2</c:v>
                </c:pt>
                <c:pt idx="6537">
                  <c:v>7.3995000000000005E-2</c:v>
                </c:pt>
                <c:pt idx="6538">
                  <c:v>7.3983999999999994E-2</c:v>
                </c:pt>
                <c:pt idx="6539">
                  <c:v>7.3971999999999996E-2</c:v>
                </c:pt>
                <c:pt idx="6540">
                  <c:v>7.3960999999999999E-2</c:v>
                </c:pt>
                <c:pt idx="6541">
                  <c:v>7.3950000000000002E-2</c:v>
                </c:pt>
                <c:pt idx="6542">
                  <c:v>7.3939000000000005E-2</c:v>
                </c:pt>
                <c:pt idx="6543">
                  <c:v>7.3927999999999994E-2</c:v>
                </c:pt>
                <c:pt idx="6544">
                  <c:v>7.3915999999999996E-2</c:v>
                </c:pt>
                <c:pt idx="6545">
                  <c:v>7.3904999999999998E-2</c:v>
                </c:pt>
                <c:pt idx="6546">
                  <c:v>7.3894000000000001E-2</c:v>
                </c:pt>
                <c:pt idx="6547">
                  <c:v>7.3883000000000004E-2</c:v>
                </c:pt>
                <c:pt idx="6548">
                  <c:v>7.3871000000000006E-2</c:v>
                </c:pt>
                <c:pt idx="6549">
                  <c:v>7.3859999999999995E-2</c:v>
                </c:pt>
                <c:pt idx="6550">
                  <c:v>7.3848999999999998E-2</c:v>
                </c:pt>
                <c:pt idx="6551">
                  <c:v>7.3838000000000001E-2</c:v>
                </c:pt>
                <c:pt idx="6552">
                  <c:v>7.3827000000000004E-2</c:v>
                </c:pt>
                <c:pt idx="6553">
                  <c:v>7.3815000000000006E-2</c:v>
                </c:pt>
                <c:pt idx="6554">
                  <c:v>7.3803999999999995E-2</c:v>
                </c:pt>
                <c:pt idx="6555">
                  <c:v>7.3792999999999997E-2</c:v>
                </c:pt>
                <c:pt idx="6556">
                  <c:v>7.3782E-2</c:v>
                </c:pt>
                <c:pt idx="6557">
                  <c:v>7.3771000000000003E-2</c:v>
                </c:pt>
                <c:pt idx="6558">
                  <c:v>7.3760000000000006E-2</c:v>
                </c:pt>
                <c:pt idx="6559">
                  <c:v>7.3747999999999994E-2</c:v>
                </c:pt>
                <c:pt idx="6560">
                  <c:v>7.3736999999999997E-2</c:v>
                </c:pt>
                <c:pt idx="6561">
                  <c:v>7.3726E-2</c:v>
                </c:pt>
                <c:pt idx="6562">
                  <c:v>7.3715000000000003E-2</c:v>
                </c:pt>
                <c:pt idx="6563">
                  <c:v>7.3704000000000006E-2</c:v>
                </c:pt>
                <c:pt idx="6564">
                  <c:v>7.3692999999999995E-2</c:v>
                </c:pt>
                <c:pt idx="6565">
                  <c:v>7.3681999999999997E-2</c:v>
                </c:pt>
                <c:pt idx="6566">
                  <c:v>7.3669999999999999E-2</c:v>
                </c:pt>
                <c:pt idx="6567">
                  <c:v>7.3659000000000002E-2</c:v>
                </c:pt>
                <c:pt idx="6568">
                  <c:v>7.3648000000000005E-2</c:v>
                </c:pt>
                <c:pt idx="6569">
                  <c:v>7.3636999999999994E-2</c:v>
                </c:pt>
                <c:pt idx="6570">
                  <c:v>7.3625999999999997E-2</c:v>
                </c:pt>
                <c:pt idx="6571">
                  <c:v>7.3615E-2</c:v>
                </c:pt>
                <c:pt idx="6572">
                  <c:v>7.3604000000000003E-2</c:v>
                </c:pt>
                <c:pt idx="6573">
                  <c:v>7.3592000000000005E-2</c:v>
                </c:pt>
                <c:pt idx="6574">
                  <c:v>7.3580999999999994E-2</c:v>
                </c:pt>
                <c:pt idx="6575">
                  <c:v>7.3569999999999997E-2</c:v>
                </c:pt>
                <c:pt idx="6576">
                  <c:v>7.3558999999999999E-2</c:v>
                </c:pt>
                <c:pt idx="6577">
                  <c:v>7.3548000000000002E-2</c:v>
                </c:pt>
                <c:pt idx="6578">
                  <c:v>7.3537000000000005E-2</c:v>
                </c:pt>
                <c:pt idx="6579">
                  <c:v>7.3525999999999994E-2</c:v>
                </c:pt>
                <c:pt idx="6580">
                  <c:v>7.3514999999999997E-2</c:v>
                </c:pt>
                <c:pt idx="6581">
                  <c:v>7.3504E-2</c:v>
                </c:pt>
                <c:pt idx="6582">
                  <c:v>7.3493000000000003E-2</c:v>
                </c:pt>
                <c:pt idx="6583">
                  <c:v>7.3481000000000005E-2</c:v>
                </c:pt>
                <c:pt idx="6584">
                  <c:v>7.3469999999999994E-2</c:v>
                </c:pt>
                <c:pt idx="6585">
                  <c:v>7.3458999999999997E-2</c:v>
                </c:pt>
                <c:pt idx="6586">
                  <c:v>7.3447999999999999E-2</c:v>
                </c:pt>
                <c:pt idx="6587">
                  <c:v>7.3437000000000002E-2</c:v>
                </c:pt>
                <c:pt idx="6588">
                  <c:v>7.3426000000000005E-2</c:v>
                </c:pt>
                <c:pt idx="6589">
                  <c:v>7.3414999999999994E-2</c:v>
                </c:pt>
                <c:pt idx="6590">
                  <c:v>7.3403999999999997E-2</c:v>
                </c:pt>
                <c:pt idx="6591">
                  <c:v>7.3393E-2</c:v>
                </c:pt>
                <c:pt idx="6592">
                  <c:v>7.3382000000000003E-2</c:v>
                </c:pt>
                <c:pt idx="6593">
                  <c:v>7.3371000000000006E-2</c:v>
                </c:pt>
                <c:pt idx="6594">
                  <c:v>7.3359999999999995E-2</c:v>
                </c:pt>
                <c:pt idx="6595">
                  <c:v>7.3348999999999998E-2</c:v>
                </c:pt>
                <c:pt idx="6596">
                  <c:v>7.3338E-2</c:v>
                </c:pt>
                <c:pt idx="6597">
                  <c:v>7.3327000000000003E-2</c:v>
                </c:pt>
                <c:pt idx="6598">
                  <c:v>7.3316000000000006E-2</c:v>
                </c:pt>
                <c:pt idx="6599">
                  <c:v>7.3304999999999995E-2</c:v>
                </c:pt>
                <c:pt idx="6600">
                  <c:v>7.3292999999999997E-2</c:v>
                </c:pt>
                <c:pt idx="6601">
                  <c:v>7.3282E-2</c:v>
                </c:pt>
                <c:pt idx="6602">
                  <c:v>7.3271000000000003E-2</c:v>
                </c:pt>
                <c:pt idx="6603">
                  <c:v>7.3260000000000006E-2</c:v>
                </c:pt>
                <c:pt idx="6604">
                  <c:v>7.3248999999999995E-2</c:v>
                </c:pt>
                <c:pt idx="6605">
                  <c:v>7.3237999999999998E-2</c:v>
                </c:pt>
                <c:pt idx="6606">
                  <c:v>7.3227E-2</c:v>
                </c:pt>
                <c:pt idx="6607">
                  <c:v>7.3216000000000003E-2</c:v>
                </c:pt>
                <c:pt idx="6608">
                  <c:v>7.3205000000000006E-2</c:v>
                </c:pt>
                <c:pt idx="6609">
                  <c:v>7.3193999999999995E-2</c:v>
                </c:pt>
                <c:pt idx="6610">
                  <c:v>7.3182999999999998E-2</c:v>
                </c:pt>
                <c:pt idx="6611">
                  <c:v>7.3172000000000001E-2</c:v>
                </c:pt>
                <c:pt idx="6612">
                  <c:v>7.3161000000000004E-2</c:v>
                </c:pt>
                <c:pt idx="6613">
                  <c:v>7.3150000000000007E-2</c:v>
                </c:pt>
                <c:pt idx="6614">
                  <c:v>7.3138999999999996E-2</c:v>
                </c:pt>
                <c:pt idx="6615">
                  <c:v>7.3127999999999999E-2</c:v>
                </c:pt>
                <c:pt idx="6616">
                  <c:v>7.3117000000000001E-2</c:v>
                </c:pt>
                <c:pt idx="6617">
                  <c:v>7.3106000000000004E-2</c:v>
                </c:pt>
                <c:pt idx="6618">
                  <c:v>7.3095999999999994E-2</c:v>
                </c:pt>
                <c:pt idx="6619">
                  <c:v>7.3084999999999997E-2</c:v>
                </c:pt>
                <c:pt idx="6620">
                  <c:v>7.3074E-2</c:v>
                </c:pt>
                <c:pt idx="6621">
                  <c:v>7.3063000000000003E-2</c:v>
                </c:pt>
                <c:pt idx="6622">
                  <c:v>7.3052000000000006E-2</c:v>
                </c:pt>
                <c:pt idx="6623">
                  <c:v>7.3040999999999995E-2</c:v>
                </c:pt>
                <c:pt idx="6624">
                  <c:v>7.3029999999999998E-2</c:v>
                </c:pt>
                <c:pt idx="6625">
                  <c:v>7.3019000000000001E-2</c:v>
                </c:pt>
                <c:pt idx="6626">
                  <c:v>7.3008000000000003E-2</c:v>
                </c:pt>
                <c:pt idx="6627">
                  <c:v>7.2997000000000006E-2</c:v>
                </c:pt>
                <c:pt idx="6628">
                  <c:v>7.2985999999999995E-2</c:v>
                </c:pt>
                <c:pt idx="6629">
                  <c:v>7.2974999999999998E-2</c:v>
                </c:pt>
                <c:pt idx="6630">
                  <c:v>7.2964000000000001E-2</c:v>
                </c:pt>
                <c:pt idx="6631">
                  <c:v>7.2953000000000004E-2</c:v>
                </c:pt>
                <c:pt idx="6632">
                  <c:v>7.2942000000000007E-2</c:v>
                </c:pt>
                <c:pt idx="6633">
                  <c:v>7.2930999999999996E-2</c:v>
                </c:pt>
                <c:pt idx="6634">
                  <c:v>7.2919999999999999E-2</c:v>
                </c:pt>
                <c:pt idx="6635">
                  <c:v>7.2910000000000003E-2</c:v>
                </c:pt>
                <c:pt idx="6636">
                  <c:v>7.2899000000000005E-2</c:v>
                </c:pt>
                <c:pt idx="6637">
                  <c:v>7.2887999999999994E-2</c:v>
                </c:pt>
                <c:pt idx="6638">
                  <c:v>7.2876999999999997E-2</c:v>
                </c:pt>
                <c:pt idx="6639">
                  <c:v>7.2866E-2</c:v>
                </c:pt>
                <c:pt idx="6640">
                  <c:v>7.2855000000000003E-2</c:v>
                </c:pt>
                <c:pt idx="6641">
                  <c:v>7.2844000000000006E-2</c:v>
                </c:pt>
                <c:pt idx="6642">
                  <c:v>7.2832999999999995E-2</c:v>
                </c:pt>
                <c:pt idx="6643">
                  <c:v>7.2821999999999998E-2</c:v>
                </c:pt>
                <c:pt idx="6644">
                  <c:v>7.2811000000000001E-2</c:v>
                </c:pt>
                <c:pt idx="6645">
                  <c:v>7.2801000000000005E-2</c:v>
                </c:pt>
                <c:pt idx="6646">
                  <c:v>7.2789999999999994E-2</c:v>
                </c:pt>
                <c:pt idx="6647">
                  <c:v>7.2778999999999996E-2</c:v>
                </c:pt>
                <c:pt idx="6648">
                  <c:v>7.2767999999999999E-2</c:v>
                </c:pt>
                <c:pt idx="6649">
                  <c:v>7.2757000000000002E-2</c:v>
                </c:pt>
                <c:pt idx="6650">
                  <c:v>7.2746000000000005E-2</c:v>
                </c:pt>
                <c:pt idx="6651">
                  <c:v>7.2734999999999994E-2</c:v>
                </c:pt>
                <c:pt idx="6652">
                  <c:v>7.2723999999999997E-2</c:v>
                </c:pt>
                <c:pt idx="6653">
                  <c:v>7.2714000000000001E-2</c:v>
                </c:pt>
                <c:pt idx="6654">
                  <c:v>7.2703000000000004E-2</c:v>
                </c:pt>
                <c:pt idx="6655">
                  <c:v>7.2692000000000007E-2</c:v>
                </c:pt>
                <c:pt idx="6656">
                  <c:v>7.2680999999999996E-2</c:v>
                </c:pt>
                <c:pt idx="6657">
                  <c:v>7.2669999999999998E-2</c:v>
                </c:pt>
                <c:pt idx="6658">
                  <c:v>7.2659000000000001E-2</c:v>
                </c:pt>
                <c:pt idx="6659">
                  <c:v>7.2649000000000005E-2</c:v>
                </c:pt>
                <c:pt idx="6660">
                  <c:v>7.2637999999999994E-2</c:v>
                </c:pt>
                <c:pt idx="6661">
                  <c:v>7.2626999999999997E-2</c:v>
                </c:pt>
                <c:pt idx="6662">
                  <c:v>7.2616E-2</c:v>
                </c:pt>
                <c:pt idx="6663">
                  <c:v>7.2605000000000003E-2</c:v>
                </c:pt>
                <c:pt idx="6664">
                  <c:v>7.2594000000000006E-2</c:v>
                </c:pt>
                <c:pt idx="6665">
                  <c:v>7.2583999999999996E-2</c:v>
                </c:pt>
                <c:pt idx="6666">
                  <c:v>7.2572999999999999E-2</c:v>
                </c:pt>
                <c:pt idx="6667">
                  <c:v>7.2562000000000001E-2</c:v>
                </c:pt>
                <c:pt idx="6668">
                  <c:v>7.2551000000000004E-2</c:v>
                </c:pt>
                <c:pt idx="6669">
                  <c:v>7.2539999999999993E-2</c:v>
                </c:pt>
                <c:pt idx="6670">
                  <c:v>7.2529999999999997E-2</c:v>
                </c:pt>
                <c:pt idx="6671">
                  <c:v>7.2519E-2</c:v>
                </c:pt>
                <c:pt idx="6672">
                  <c:v>7.2508000000000003E-2</c:v>
                </c:pt>
                <c:pt idx="6673">
                  <c:v>7.2497000000000006E-2</c:v>
                </c:pt>
                <c:pt idx="6674">
                  <c:v>7.2485999999999995E-2</c:v>
                </c:pt>
                <c:pt idx="6675">
                  <c:v>7.2475999999999999E-2</c:v>
                </c:pt>
                <c:pt idx="6676">
                  <c:v>7.2465000000000002E-2</c:v>
                </c:pt>
                <c:pt idx="6677">
                  <c:v>7.2454000000000005E-2</c:v>
                </c:pt>
                <c:pt idx="6678">
                  <c:v>7.2442999999999994E-2</c:v>
                </c:pt>
                <c:pt idx="6679">
                  <c:v>7.2432999999999997E-2</c:v>
                </c:pt>
                <c:pt idx="6680">
                  <c:v>7.2422E-2</c:v>
                </c:pt>
                <c:pt idx="6681">
                  <c:v>7.2411000000000003E-2</c:v>
                </c:pt>
                <c:pt idx="6682">
                  <c:v>7.2400000000000006E-2</c:v>
                </c:pt>
                <c:pt idx="6683">
                  <c:v>7.2388999999999995E-2</c:v>
                </c:pt>
                <c:pt idx="6684">
                  <c:v>7.2378999999999999E-2</c:v>
                </c:pt>
                <c:pt idx="6685">
                  <c:v>7.2368000000000002E-2</c:v>
                </c:pt>
                <c:pt idx="6686">
                  <c:v>7.2357000000000005E-2</c:v>
                </c:pt>
                <c:pt idx="6687">
                  <c:v>7.2345999999999994E-2</c:v>
                </c:pt>
                <c:pt idx="6688">
                  <c:v>7.2335999999999998E-2</c:v>
                </c:pt>
                <c:pt idx="6689">
                  <c:v>7.2325E-2</c:v>
                </c:pt>
                <c:pt idx="6690">
                  <c:v>7.2314000000000003E-2</c:v>
                </c:pt>
                <c:pt idx="6691">
                  <c:v>7.2303999999999993E-2</c:v>
                </c:pt>
                <c:pt idx="6692">
                  <c:v>7.2292999999999996E-2</c:v>
                </c:pt>
                <c:pt idx="6693">
                  <c:v>7.2281999999999999E-2</c:v>
                </c:pt>
                <c:pt idx="6694">
                  <c:v>7.2271000000000002E-2</c:v>
                </c:pt>
                <c:pt idx="6695">
                  <c:v>7.2261000000000006E-2</c:v>
                </c:pt>
                <c:pt idx="6696">
                  <c:v>7.2249999999999995E-2</c:v>
                </c:pt>
                <c:pt idx="6697">
                  <c:v>7.2238999999999998E-2</c:v>
                </c:pt>
                <c:pt idx="6698">
                  <c:v>7.2228000000000001E-2</c:v>
                </c:pt>
                <c:pt idx="6699">
                  <c:v>7.2218000000000004E-2</c:v>
                </c:pt>
                <c:pt idx="6700">
                  <c:v>7.2206999999999993E-2</c:v>
                </c:pt>
                <c:pt idx="6701">
                  <c:v>7.2195999999999996E-2</c:v>
                </c:pt>
                <c:pt idx="6702">
                  <c:v>7.2186E-2</c:v>
                </c:pt>
                <c:pt idx="6703">
                  <c:v>7.2175000000000003E-2</c:v>
                </c:pt>
                <c:pt idx="6704">
                  <c:v>7.2164000000000006E-2</c:v>
                </c:pt>
                <c:pt idx="6705">
                  <c:v>7.2153999999999996E-2</c:v>
                </c:pt>
                <c:pt idx="6706">
                  <c:v>7.2142999999999999E-2</c:v>
                </c:pt>
                <c:pt idx="6707">
                  <c:v>7.2132000000000002E-2</c:v>
                </c:pt>
                <c:pt idx="6708">
                  <c:v>7.2122000000000006E-2</c:v>
                </c:pt>
                <c:pt idx="6709">
                  <c:v>7.2110999999999995E-2</c:v>
                </c:pt>
                <c:pt idx="6710">
                  <c:v>7.2099999999999997E-2</c:v>
                </c:pt>
                <c:pt idx="6711">
                  <c:v>7.2090000000000001E-2</c:v>
                </c:pt>
                <c:pt idx="6712">
                  <c:v>7.2079000000000004E-2</c:v>
                </c:pt>
                <c:pt idx="6713">
                  <c:v>7.2067999999999993E-2</c:v>
                </c:pt>
                <c:pt idx="6714">
                  <c:v>7.2057999999999997E-2</c:v>
                </c:pt>
                <c:pt idx="6715">
                  <c:v>7.2047E-2</c:v>
                </c:pt>
                <c:pt idx="6716">
                  <c:v>7.2036000000000003E-2</c:v>
                </c:pt>
                <c:pt idx="6717">
                  <c:v>7.2026000000000007E-2</c:v>
                </c:pt>
                <c:pt idx="6718">
                  <c:v>7.2014999999999996E-2</c:v>
                </c:pt>
                <c:pt idx="6719">
                  <c:v>7.2003999999999999E-2</c:v>
                </c:pt>
                <c:pt idx="6720">
                  <c:v>7.1994000000000002E-2</c:v>
                </c:pt>
                <c:pt idx="6721">
                  <c:v>7.1983000000000005E-2</c:v>
                </c:pt>
                <c:pt idx="6722">
                  <c:v>7.1971999999999994E-2</c:v>
                </c:pt>
                <c:pt idx="6723">
                  <c:v>7.1961999999999998E-2</c:v>
                </c:pt>
                <c:pt idx="6724">
                  <c:v>7.1951000000000001E-2</c:v>
                </c:pt>
                <c:pt idx="6725">
                  <c:v>7.1940000000000004E-2</c:v>
                </c:pt>
                <c:pt idx="6726">
                  <c:v>7.1929999999999994E-2</c:v>
                </c:pt>
                <c:pt idx="6727">
                  <c:v>7.1918999999999997E-2</c:v>
                </c:pt>
                <c:pt idx="6728">
                  <c:v>7.1909000000000001E-2</c:v>
                </c:pt>
                <c:pt idx="6729">
                  <c:v>7.1898000000000004E-2</c:v>
                </c:pt>
                <c:pt idx="6730">
                  <c:v>7.1887000000000006E-2</c:v>
                </c:pt>
                <c:pt idx="6731">
                  <c:v>7.1876999999999996E-2</c:v>
                </c:pt>
                <c:pt idx="6732">
                  <c:v>7.1865999999999999E-2</c:v>
                </c:pt>
                <c:pt idx="6733">
                  <c:v>7.1856000000000003E-2</c:v>
                </c:pt>
                <c:pt idx="6734">
                  <c:v>7.1845000000000006E-2</c:v>
                </c:pt>
                <c:pt idx="6735">
                  <c:v>7.1833999999999995E-2</c:v>
                </c:pt>
                <c:pt idx="6736">
                  <c:v>7.1823999999999999E-2</c:v>
                </c:pt>
                <c:pt idx="6737">
                  <c:v>7.1813000000000002E-2</c:v>
                </c:pt>
                <c:pt idx="6738">
                  <c:v>7.1803000000000006E-2</c:v>
                </c:pt>
                <c:pt idx="6739">
                  <c:v>7.1791999999999995E-2</c:v>
                </c:pt>
                <c:pt idx="6740">
                  <c:v>7.1780999999999998E-2</c:v>
                </c:pt>
                <c:pt idx="6741">
                  <c:v>7.1771000000000001E-2</c:v>
                </c:pt>
                <c:pt idx="6742">
                  <c:v>7.1760000000000004E-2</c:v>
                </c:pt>
                <c:pt idx="6743">
                  <c:v>7.1749999999999994E-2</c:v>
                </c:pt>
                <c:pt idx="6744">
                  <c:v>7.1738999999999997E-2</c:v>
                </c:pt>
                <c:pt idx="6745">
                  <c:v>7.1729000000000001E-2</c:v>
                </c:pt>
                <c:pt idx="6746">
                  <c:v>7.1718000000000004E-2</c:v>
                </c:pt>
                <c:pt idx="6747">
                  <c:v>7.1707000000000007E-2</c:v>
                </c:pt>
                <c:pt idx="6748">
                  <c:v>7.1696999999999997E-2</c:v>
                </c:pt>
                <c:pt idx="6749">
                  <c:v>7.1686E-2</c:v>
                </c:pt>
                <c:pt idx="6750">
                  <c:v>7.1676000000000004E-2</c:v>
                </c:pt>
                <c:pt idx="6751">
                  <c:v>7.1665000000000006E-2</c:v>
                </c:pt>
                <c:pt idx="6752">
                  <c:v>7.1654999999999996E-2</c:v>
                </c:pt>
                <c:pt idx="6753">
                  <c:v>7.1643999999999999E-2</c:v>
                </c:pt>
                <c:pt idx="6754">
                  <c:v>7.1634000000000003E-2</c:v>
                </c:pt>
                <c:pt idx="6755">
                  <c:v>7.1623000000000006E-2</c:v>
                </c:pt>
                <c:pt idx="6756">
                  <c:v>7.1612999999999996E-2</c:v>
                </c:pt>
                <c:pt idx="6757">
                  <c:v>7.1601999999999999E-2</c:v>
                </c:pt>
                <c:pt idx="6758">
                  <c:v>7.1592000000000003E-2</c:v>
                </c:pt>
                <c:pt idx="6759">
                  <c:v>7.1581000000000006E-2</c:v>
                </c:pt>
                <c:pt idx="6760">
                  <c:v>7.1570999999999996E-2</c:v>
                </c:pt>
                <c:pt idx="6761">
                  <c:v>7.1559999999999999E-2</c:v>
                </c:pt>
                <c:pt idx="6762">
                  <c:v>7.1550000000000002E-2</c:v>
                </c:pt>
                <c:pt idx="6763">
                  <c:v>7.1539000000000005E-2</c:v>
                </c:pt>
                <c:pt idx="6764">
                  <c:v>7.1527999999999994E-2</c:v>
                </c:pt>
                <c:pt idx="6765">
                  <c:v>7.1517999999999998E-2</c:v>
                </c:pt>
                <c:pt idx="6766">
                  <c:v>7.1507000000000001E-2</c:v>
                </c:pt>
                <c:pt idx="6767">
                  <c:v>7.1497000000000005E-2</c:v>
                </c:pt>
                <c:pt idx="6768">
                  <c:v>7.1486999999999995E-2</c:v>
                </c:pt>
                <c:pt idx="6769">
                  <c:v>7.1475999999999998E-2</c:v>
                </c:pt>
                <c:pt idx="6770">
                  <c:v>7.1466000000000002E-2</c:v>
                </c:pt>
                <c:pt idx="6771">
                  <c:v>7.1455000000000005E-2</c:v>
                </c:pt>
                <c:pt idx="6772">
                  <c:v>7.1444999999999995E-2</c:v>
                </c:pt>
                <c:pt idx="6773">
                  <c:v>7.1433999999999997E-2</c:v>
                </c:pt>
                <c:pt idx="6774">
                  <c:v>7.1424000000000001E-2</c:v>
                </c:pt>
                <c:pt idx="6775">
                  <c:v>7.1413000000000004E-2</c:v>
                </c:pt>
                <c:pt idx="6776">
                  <c:v>7.1402999999999994E-2</c:v>
                </c:pt>
                <c:pt idx="6777">
                  <c:v>7.1391999999999997E-2</c:v>
                </c:pt>
                <c:pt idx="6778">
                  <c:v>7.1382000000000001E-2</c:v>
                </c:pt>
                <c:pt idx="6779">
                  <c:v>7.1371000000000004E-2</c:v>
                </c:pt>
                <c:pt idx="6780">
                  <c:v>7.1360999999999994E-2</c:v>
                </c:pt>
                <c:pt idx="6781">
                  <c:v>7.1349999999999997E-2</c:v>
                </c:pt>
                <c:pt idx="6782">
                  <c:v>7.1340000000000001E-2</c:v>
                </c:pt>
                <c:pt idx="6783">
                  <c:v>7.1329000000000004E-2</c:v>
                </c:pt>
                <c:pt idx="6784">
                  <c:v>7.1318999999999994E-2</c:v>
                </c:pt>
                <c:pt idx="6785">
                  <c:v>7.1308999999999997E-2</c:v>
                </c:pt>
                <c:pt idx="6786">
                  <c:v>7.1298E-2</c:v>
                </c:pt>
                <c:pt idx="6787">
                  <c:v>7.1288000000000004E-2</c:v>
                </c:pt>
                <c:pt idx="6788">
                  <c:v>7.1276999999999993E-2</c:v>
                </c:pt>
                <c:pt idx="6789">
                  <c:v>7.1266999999999997E-2</c:v>
                </c:pt>
                <c:pt idx="6790">
                  <c:v>7.1256E-2</c:v>
                </c:pt>
                <c:pt idx="6791">
                  <c:v>7.1246000000000004E-2</c:v>
                </c:pt>
                <c:pt idx="6792">
                  <c:v>7.1235999999999994E-2</c:v>
                </c:pt>
                <c:pt idx="6793">
                  <c:v>7.1224999999999997E-2</c:v>
                </c:pt>
                <c:pt idx="6794">
                  <c:v>7.1215000000000001E-2</c:v>
                </c:pt>
                <c:pt idx="6795">
                  <c:v>7.1204000000000003E-2</c:v>
                </c:pt>
                <c:pt idx="6796">
                  <c:v>7.1193999999999993E-2</c:v>
                </c:pt>
                <c:pt idx="6797">
                  <c:v>7.1183999999999997E-2</c:v>
                </c:pt>
                <c:pt idx="6798">
                  <c:v>7.1173E-2</c:v>
                </c:pt>
                <c:pt idx="6799">
                  <c:v>7.1163000000000004E-2</c:v>
                </c:pt>
                <c:pt idx="6800">
                  <c:v>7.1152000000000007E-2</c:v>
                </c:pt>
                <c:pt idx="6801">
                  <c:v>7.1141999999999997E-2</c:v>
                </c:pt>
                <c:pt idx="6802">
                  <c:v>7.1132000000000001E-2</c:v>
                </c:pt>
                <c:pt idx="6803">
                  <c:v>7.1121000000000004E-2</c:v>
                </c:pt>
                <c:pt idx="6804">
                  <c:v>7.1110999999999994E-2</c:v>
                </c:pt>
                <c:pt idx="6805">
                  <c:v>7.1099999999999997E-2</c:v>
                </c:pt>
                <c:pt idx="6806">
                  <c:v>7.109E-2</c:v>
                </c:pt>
                <c:pt idx="6807">
                  <c:v>7.1080000000000004E-2</c:v>
                </c:pt>
                <c:pt idx="6808">
                  <c:v>7.1068999999999993E-2</c:v>
                </c:pt>
                <c:pt idx="6809">
                  <c:v>7.1058999999999997E-2</c:v>
                </c:pt>
                <c:pt idx="6810">
                  <c:v>7.1049000000000001E-2</c:v>
                </c:pt>
                <c:pt idx="6811">
                  <c:v>7.1038000000000004E-2</c:v>
                </c:pt>
                <c:pt idx="6812">
                  <c:v>7.1027999999999994E-2</c:v>
                </c:pt>
                <c:pt idx="6813">
                  <c:v>7.1017999999999998E-2</c:v>
                </c:pt>
                <c:pt idx="6814">
                  <c:v>7.1007000000000001E-2</c:v>
                </c:pt>
                <c:pt idx="6815">
                  <c:v>7.0997000000000005E-2</c:v>
                </c:pt>
                <c:pt idx="6816">
                  <c:v>7.0985999999999994E-2</c:v>
                </c:pt>
                <c:pt idx="6817">
                  <c:v>7.0975999999999997E-2</c:v>
                </c:pt>
                <c:pt idx="6818">
                  <c:v>7.0966000000000001E-2</c:v>
                </c:pt>
                <c:pt idx="6819">
                  <c:v>7.0955000000000004E-2</c:v>
                </c:pt>
                <c:pt idx="6820">
                  <c:v>7.0944999999999994E-2</c:v>
                </c:pt>
                <c:pt idx="6821">
                  <c:v>7.0934999999999998E-2</c:v>
                </c:pt>
                <c:pt idx="6822">
                  <c:v>7.0924000000000001E-2</c:v>
                </c:pt>
                <c:pt idx="6823">
                  <c:v>7.0914000000000005E-2</c:v>
                </c:pt>
                <c:pt idx="6824">
                  <c:v>7.0903999999999995E-2</c:v>
                </c:pt>
                <c:pt idx="6825">
                  <c:v>7.0893999999999999E-2</c:v>
                </c:pt>
                <c:pt idx="6826">
                  <c:v>7.0883000000000002E-2</c:v>
                </c:pt>
                <c:pt idx="6827">
                  <c:v>7.0873000000000005E-2</c:v>
                </c:pt>
                <c:pt idx="6828">
                  <c:v>7.0862999999999995E-2</c:v>
                </c:pt>
                <c:pt idx="6829">
                  <c:v>7.0851999999999998E-2</c:v>
                </c:pt>
                <c:pt idx="6830">
                  <c:v>7.0842000000000002E-2</c:v>
                </c:pt>
                <c:pt idx="6831">
                  <c:v>7.0832000000000006E-2</c:v>
                </c:pt>
                <c:pt idx="6832">
                  <c:v>7.0820999999999995E-2</c:v>
                </c:pt>
                <c:pt idx="6833">
                  <c:v>7.0810999999999999E-2</c:v>
                </c:pt>
                <c:pt idx="6834">
                  <c:v>7.0801000000000003E-2</c:v>
                </c:pt>
                <c:pt idx="6835">
                  <c:v>7.0790000000000006E-2</c:v>
                </c:pt>
                <c:pt idx="6836">
                  <c:v>7.0779999999999996E-2</c:v>
                </c:pt>
                <c:pt idx="6837">
                  <c:v>7.077E-2</c:v>
                </c:pt>
                <c:pt idx="6838">
                  <c:v>7.0760000000000003E-2</c:v>
                </c:pt>
                <c:pt idx="6839">
                  <c:v>7.0749000000000006E-2</c:v>
                </c:pt>
                <c:pt idx="6840">
                  <c:v>7.0738999999999996E-2</c:v>
                </c:pt>
                <c:pt idx="6841">
                  <c:v>7.0729E-2</c:v>
                </c:pt>
                <c:pt idx="6842">
                  <c:v>7.0719000000000004E-2</c:v>
                </c:pt>
                <c:pt idx="6843">
                  <c:v>7.0707999999999993E-2</c:v>
                </c:pt>
                <c:pt idx="6844">
                  <c:v>7.0697999999999997E-2</c:v>
                </c:pt>
                <c:pt idx="6845">
                  <c:v>7.0688000000000001E-2</c:v>
                </c:pt>
                <c:pt idx="6846">
                  <c:v>7.0678000000000005E-2</c:v>
                </c:pt>
                <c:pt idx="6847">
                  <c:v>7.0666999999999994E-2</c:v>
                </c:pt>
                <c:pt idx="6848">
                  <c:v>7.0656999999999998E-2</c:v>
                </c:pt>
                <c:pt idx="6849">
                  <c:v>7.0647000000000001E-2</c:v>
                </c:pt>
                <c:pt idx="6850">
                  <c:v>7.0637000000000005E-2</c:v>
                </c:pt>
                <c:pt idx="6851">
                  <c:v>7.0625999999999994E-2</c:v>
                </c:pt>
                <c:pt idx="6852">
                  <c:v>7.0615999999999998E-2</c:v>
                </c:pt>
                <c:pt idx="6853">
                  <c:v>7.0606000000000002E-2</c:v>
                </c:pt>
                <c:pt idx="6854">
                  <c:v>7.0596000000000006E-2</c:v>
                </c:pt>
                <c:pt idx="6855">
                  <c:v>7.0584999999999995E-2</c:v>
                </c:pt>
                <c:pt idx="6856">
                  <c:v>7.0574999999999999E-2</c:v>
                </c:pt>
                <c:pt idx="6857">
                  <c:v>7.0565000000000003E-2</c:v>
                </c:pt>
                <c:pt idx="6858">
                  <c:v>7.0555000000000007E-2</c:v>
                </c:pt>
                <c:pt idx="6859">
                  <c:v>7.0543999999999996E-2</c:v>
                </c:pt>
                <c:pt idx="6860">
                  <c:v>7.0533999999999999E-2</c:v>
                </c:pt>
                <c:pt idx="6861">
                  <c:v>7.0524000000000003E-2</c:v>
                </c:pt>
                <c:pt idx="6862">
                  <c:v>7.0513999999999993E-2</c:v>
                </c:pt>
                <c:pt idx="6863">
                  <c:v>7.0503999999999997E-2</c:v>
                </c:pt>
                <c:pt idx="6864">
                  <c:v>7.0493E-2</c:v>
                </c:pt>
                <c:pt idx="6865">
                  <c:v>7.0483000000000004E-2</c:v>
                </c:pt>
                <c:pt idx="6866">
                  <c:v>7.0472999999999994E-2</c:v>
                </c:pt>
                <c:pt idx="6867">
                  <c:v>7.0462999999999998E-2</c:v>
                </c:pt>
                <c:pt idx="6868">
                  <c:v>7.0453000000000002E-2</c:v>
                </c:pt>
                <c:pt idx="6869">
                  <c:v>7.0442000000000005E-2</c:v>
                </c:pt>
                <c:pt idx="6870">
                  <c:v>7.0431999999999995E-2</c:v>
                </c:pt>
                <c:pt idx="6871">
                  <c:v>7.0421999999999998E-2</c:v>
                </c:pt>
                <c:pt idx="6872">
                  <c:v>7.0412000000000002E-2</c:v>
                </c:pt>
                <c:pt idx="6873">
                  <c:v>7.0402000000000006E-2</c:v>
                </c:pt>
                <c:pt idx="6874">
                  <c:v>7.0391999999999996E-2</c:v>
                </c:pt>
                <c:pt idx="6875">
                  <c:v>7.0380999999999999E-2</c:v>
                </c:pt>
                <c:pt idx="6876">
                  <c:v>7.0371000000000003E-2</c:v>
                </c:pt>
                <c:pt idx="6877">
                  <c:v>7.0361000000000007E-2</c:v>
                </c:pt>
                <c:pt idx="6878">
                  <c:v>7.0350999999999997E-2</c:v>
                </c:pt>
                <c:pt idx="6879">
                  <c:v>7.0341000000000001E-2</c:v>
                </c:pt>
                <c:pt idx="6880">
                  <c:v>7.0331000000000005E-2</c:v>
                </c:pt>
                <c:pt idx="6881">
                  <c:v>7.0319999999999994E-2</c:v>
                </c:pt>
                <c:pt idx="6882">
                  <c:v>7.0309999999999997E-2</c:v>
                </c:pt>
                <c:pt idx="6883">
                  <c:v>7.0300000000000001E-2</c:v>
                </c:pt>
                <c:pt idx="6884">
                  <c:v>7.0290000000000005E-2</c:v>
                </c:pt>
                <c:pt idx="6885">
                  <c:v>7.0279999999999995E-2</c:v>
                </c:pt>
                <c:pt idx="6886">
                  <c:v>7.0269999999999999E-2</c:v>
                </c:pt>
                <c:pt idx="6887">
                  <c:v>7.0260000000000003E-2</c:v>
                </c:pt>
                <c:pt idx="6888">
                  <c:v>7.0249000000000006E-2</c:v>
                </c:pt>
                <c:pt idx="6889">
                  <c:v>7.0238999999999996E-2</c:v>
                </c:pt>
                <c:pt idx="6890">
                  <c:v>7.0229E-2</c:v>
                </c:pt>
                <c:pt idx="6891">
                  <c:v>7.0219000000000004E-2</c:v>
                </c:pt>
                <c:pt idx="6892">
                  <c:v>7.0208999999999994E-2</c:v>
                </c:pt>
                <c:pt idx="6893">
                  <c:v>7.0198999999999998E-2</c:v>
                </c:pt>
                <c:pt idx="6894">
                  <c:v>7.0189000000000001E-2</c:v>
                </c:pt>
                <c:pt idx="6895">
                  <c:v>7.0179000000000005E-2</c:v>
                </c:pt>
                <c:pt idx="6896">
                  <c:v>7.0168999999999995E-2</c:v>
                </c:pt>
                <c:pt idx="6897">
                  <c:v>7.0157999999999998E-2</c:v>
                </c:pt>
                <c:pt idx="6898">
                  <c:v>7.0148000000000002E-2</c:v>
                </c:pt>
                <c:pt idx="6899">
                  <c:v>7.0138000000000006E-2</c:v>
                </c:pt>
                <c:pt idx="6900">
                  <c:v>7.0127999999999996E-2</c:v>
                </c:pt>
                <c:pt idx="6901">
                  <c:v>7.0118E-2</c:v>
                </c:pt>
                <c:pt idx="6902">
                  <c:v>7.0108000000000004E-2</c:v>
                </c:pt>
                <c:pt idx="6903">
                  <c:v>7.0097999999999994E-2</c:v>
                </c:pt>
                <c:pt idx="6904">
                  <c:v>7.0087999999999998E-2</c:v>
                </c:pt>
                <c:pt idx="6905">
                  <c:v>7.0078000000000001E-2</c:v>
                </c:pt>
                <c:pt idx="6906">
                  <c:v>7.0068000000000005E-2</c:v>
                </c:pt>
                <c:pt idx="6907">
                  <c:v>7.0057999999999995E-2</c:v>
                </c:pt>
                <c:pt idx="6908">
                  <c:v>7.0046999999999998E-2</c:v>
                </c:pt>
                <c:pt idx="6909">
                  <c:v>7.0037000000000002E-2</c:v>
                </c:pt>
                <c:pt idx="6910">
                  <c:v>7.0027000000000006E-2</c:v>
                </c:pt>
                <c:pt idx="6911">
                  <c:v>7.0016999999999996E-2</c:v>
                </c:pt>
                <c:pt idx="6912">
                  <c:v>7.0007E-2</c:v>
                </c:pt>
                <c:pt idx="6913">
                  <c:v>6.9997000000000004E-2</c:v>
                </c:pt>
                <c:pt idx="6914">
                  <c:v>6.9986999999999994E-2</c:v>
                </c:pt>
                <c:pt idx="6915">
                  <c:v>6.9976999999999998E-2</c:v>
                </c:pt>
                <c:pt idx="6916">
                  <c:v>6.9967000000000001E-2</c:v>
                </c:pt>
                <c:pt idx="6917">
                  <c:v>6.9957000000000005E-2</c:v>
                </c:pt>
                <c:pt idx="6918">
                  <c:v>6.9946999999999995E-2</c:v>
                </c:pt>
                <c:pt idx="6919">
                  <c:v>6.9936999999999999E-2</c:v>
                </c:pt>
                <c:pt idx="6920">
                  <c:v>6.9927000000000003E-2</c:v>
                </c:pt>
                <c:pt idx="6921">
                  <c:v>6.9917000000000007E-2</c:v>
                </c:pt>
                <c:pt idx="6922">
                  <c:v>6.9906999999999997E-2</c:v>
                </c:pt>
                <c:pt idx="6923">
                  <c:v>6.9897000000000001E-2</c:v>
                </c:pt>
                <c:pt idx="6924">
                  <c:v>6.9887000000000005E-2</c:v>
                </c:pt>
                <c:pt idx="6925">
                  <c:v>6.9876999999999995E-2</c:v>
                </c:pt>
                <c:pt idx="6926">
                  <c:v>6.9866999999999999E-2</c:v>
                </c:pt>
                <c:pt idx="6927">
                  <c:v>6.9857000000000002E-2</c:v>
                </c:pt>
                <c:pt idx="6928">
                  <c:v>6.9847000000000006E-2</c:v>
                </c:pt>
                <c:pt idx="6929">
                  <c:v>6.9836999999999996E-2</c:v>
                </c:pt>
                <c:pt idx="6930">
                  <c:v>6.9827E-2</c:v>
                </c:pt>
                <c:pt idx="6931">
                  <c:v>6.9817000000000004E-2</c:v>
                </c:pt>
                <c:pt idx="6932">
                  <c:v>6.9806999999999994E-2</c:v>
                </c:pt>
                <c:pt idx="6933">
                  <c:v>6.9796999999999998E-2</c:v>
                </c:pt>
                <c:pt idx="6934">
                  <c:v>6.9787000000000002E-2</c:v>
                </c:pt>
                <c:pt idx="6935">
                  <c:v>6.9777000000000006E-2</c:v>
                </c:pt>
                <c:pt idx="6936">
                  <c:v>6.9766999999999996E-2</c:v>
                </c:pt>
                <c:pt idx="6937">
                  <c:v>6.9757E-2</c:v>
                </c:pt>
                <c:pt idx="6938">
                  <c:v>6.9747000000000003E-2</c:v>
                </c:pt>
                <c:pt idx="6939">
                  <c:v>6.9736999999999993E-2</c:v>
                </c:pt>
                <c:pt idx="6940">
                  <c:v>6.9726999999999997E-2</c:v>
                </c:pt>
                <c:pt idx="6941">
                  <c:v>6.9717000000000001E-2</c:v>
                </c:pt>
                <c:pt idx="6942">
                  <c:v>6.9707000000000005E-2</c:v>
                </c:pt>
                <c:pt idx="6943">
                  <c:v>6.9696999999999995E-2</c:v>
                </c:pt>
                <c:pt idx="6944">
                  <c:v>6.9686999999999999E-2</c:v>
                </c:pt>
                <c:pt idx="6945">
                  <c:v>6.9677000000000003E-2</c:v>
                </c:pt>
                <c:pt idx="6946">
                  <c:v>6.9667000000000007E-2</c:v>
                </c:pt>
                <c:pt idx="6947">
                  <c:v>6.9656999999999997E-2</c:v>
                </c:pt>
                <c:pt idx="6948">
                  <c:v>6.9647000000000001E-2</c:v>
                </c:pt>
                <c:pt idx="6949">
                  <c:v>6.9637000000000004E-2</c:v>
                </c:pt>
                <c:pt idx="6950">
                  <c:v>6.9626999999999994E-2</c:v>
                </c:pt>
                <c:pt idx="6951">
                  <c:v>6.9616999999999998E-2</c:v>
                </c:pt>
                <c:pt idx="6952">
                  <c:v>6.9607000000000002E-2</c:v>
                </c:pt>
                <c:pt idx="6953">
                  <c:v>6.9597000000000006E-2</c:v>
                </c:pt>
                <c:pt idx="6954">
                  <c:v>6.9586999999999996E-2</c:v>
                </c:pt>
                <c:pt idx="6955">
                  <c:v>6.9577E-2</c:v>
                </c:pt>
                <c:pt idx="6956">
                  <c:v>6.9567000000000004E-2</c:v>
                </c:pt>
                <c:pt idx="6957">
                  <c:v>6.9556999999999994E-2</c:v>
                </c:pt>
                <c:pt idx="6958">
                  <c:v>6.9546999999999998E-2</c:v>
                </c:pt>
                <c:pt idx="6959">
                  <c:v>6.9538000000000003E-2</c:v>
                </c:pt>
                <c:pt idx="6960">
                  <c:v>6.9528000000000006E-2</c:v>
                </c:pt>
                <c:pt idx="6961">
                  <c:v>6.9517999999999996E-2</c:v>
                </c:pt>
                <c:pt idx="6962">
                  <c:v>6.9508E-2</c:v>
                </c:pt>
                <c:pt idx="6963">
                  <c:v>6.9498000000000004E-2</c:v>
                </c:pt>
                <c:pt idx="6964">
                  <c:v>6.9487999999999994E-2</c:v>
                </c:pt>
                <c:pt idx="6965">
                  <c:v>6.9477999999999998E-2</c:v>
                </c:pt>
                <c:pt idx="6966">
                  <c:v>6.9468000000000002E-2</c:v>
                </c:pt>
                <c:pt idx="6967">
                  <c:v>6.9458000000000006E-2</c:v>
                </c:pt>
                <c:pt idx="6968">
                  <c:v>6.9447999999999996E-2</c:v>
                </c:pt>
                <c:pt idx="6969">
                  <c:v>6.9438E-2</c:v>
                </c:pt>
                <c:pt idx="6970">
                  <c:v>6.9429000000000005E-2</c:v>
                </c:pt>
                <c:pt idx="6971">
                  <c:v>6.9418999999999995E-2</c:v>
                </c:pt>
                <c:pt idx="6972">
                  <c:v>6.9408999999999998E-2</c:v>
                </c:pt>
                <c:pt idx="6973">
                  <c:v>6.9399000000000002E-2</c:v>
                </c:pt>
                <c:pt idx="6974">
                  <c:v>6.9389000000000006E-2</c:v>
                </c:pt>
                <c:pt idx="6975">
                  <c:v>6.9378999999999996E-2</c:v>
                </c:pt>
                <c:pt idx="6976">
                  <c:v>6.9369E-2</c:v>
                </c:pt>
                <c:pt idx="6977">
                  <c:v>6.9359000000000004E-2</c:v>
                </c:pt>
                <c:pt idx="6978">
                  <c:v>6.9348999999999994E-2</c:v>
                </c:pt>
                <c:pt idx="6979">
                  <c:v>6.9339999999999999E-2</c:v>
                </c:pt>
                <c:pt idx="6980">
                  <c:v>6.9330000000000003E-2</c:v>
                </c:pt>
                <c:pt idx="6981">
                  <c:v>6.9320000000000007E-2</c:v>
                </c:pt>
                <c:pt idx="6982">
                  <c:v>6.9309999999999997E-2</c:v>
                </c:pt>
                <c:pt idx="6983">
                  <c:v>6.93E-2</c:v>
                </c:pt>
                <c:pt idx="6984">
                  <c:v>6.9290000000000004E-2</c:v>
                </c:pt>
                <c:pt idx="6985">
                  <c:v>6.9279999999999994E-2</c:v>
                </c:pt>
                <c:pt idx="6986">
                  <c:v>6.9270999999999999E-2</c:v>
                </c:pt>
                <c:pt idx="6987">
                  <c:v>6.9261000000000003E-2</c:v>
                </c:pt>
                <c:pt idx="6988">
                  <c:v>6.9250999999999993E-2</c:v>
                </c:pt>
                <c:pt idx="6989">
                  <c:v>6.9240999999999997E-2</c:v>
                </c:pt>
                <c:pt idx="6990">
                  <c:v>6.9231000000000001E-2</c:v>
                </c:pt>
                <c:pt idx="6991">
                  <c:v>6.9221000000000005E-2</c:v>
                </c:pt>
                <c:pt idx="6992">
                  <c:v>6.9211999999999996E-2</c:v>
                </c:pt>
                <c:pt idx="6993">
                  <c:v>6.9202E-2</c:v>
                </c:pt>
                <c:pt idx="6994">
                  <c:v>6.9192000000000004E-2</c:v>
                </c:pt>
                <c:pt idx="6995">
                  <c:v>6.9181999999999994E-2</c:v>
                </c:pt>
                <c:pt idx="6996">
                  <c:v>6.9171999999999997E-2</c:v>
                </c:pt>
                <c:pt idx="6997">
                  <c:v>6.9162000000000001E-2</c:v>
                </c:pt>
                <c:pt idx="6998">
                  <c:v>6.9153000000000006E-2</c:v>
                </c:pt>
                <c:pt idx="6999">
                  <c:v>6.9142999999999996E-2</c:v>
                </c:pt>
                <c:pt idx="7000">
                  <c:v>6.9133E-2</c:v>
                </c:pt>
                <c:pt idx="7001">
                  <c:v>6.9123000000000004E-2</c:v>
                </c:pt>
                <c:pt idx="7002">
                  <c:v>6.9112999999999994E-2</c:v>
                </c:pt>
                <c:pt idx="7003">
                  <c:v>6.9103999999999999E-2</c:v>
                </c:pt>
                <c:pt idx="7004">
                  <c:v>6.9094000000000003E-2</c:v>
                </c:pt>
                <c:pt idx="7005">
                  <c:v>6.9084000000000007E-2</c:v>
                </c:pt>
                <c:pt idx="7006">
                  <c:v>6.9073999999999997E-2</c:v>
                </c:pt>
                <c:pt idx="7007">
                  <c:v>6.9064E-2</c:v>
                </c:pt>
                <c:pt idx="7008">
                  <c:v>6.9055000000000005E-2</c:v>
                </c:pt>
                <c:pt idx="7009">
                  <c:v>6.9044999999999995E-2</c:v>
                </c:pt>
                <c:pt idx="7010">
                  <c:v>6.9034999999999999E-2</c:v>
                </c:pt>
                <c:pt idx="7011">
                  <c:v>6.9025000000000003E-2</c:v>
                </c:pt>
                <c:pt idx="7012">
                  <c:v>6.9015000000000007E-2</c:v>
                </c:pt>
                <c:pt idx="7013">
                  <c:v>6.9005999999999998E-2</c:v>
                </c:pt>
                <c:pt idx="7014">
                  <c:v>6.8996000000000002E-2</c:v>
                </c:pt>
                <c:pt idx="7015">
                  <c:v>6.8986000000000006E-2</c:v>
                </c:pt>
                <c:pt idx="7016">
                  <c:v>6.8975999999999996E-2</c:v>
                </c:pt>
                <c:pt idx="7017">
                  <c:v>6.8967000000000001E-2</c:v>
                </c:pt>
                <c:pt idx="7018">
                  <c:v>6.8957000000000004E-2</c:v>
                </c:pt>
                <c:pt idx="7019">
                  <c:v>6.8946999999999994E-2</c:v>
                </c:pt>
                <c:pt idx="7020">
                  <c:v>6.8936999999999998E-2</c:v>
                </c:pt>
                <c:pt idx="7021">
                  <c:v>6.8928000000000003E-2</c:v>
                </c:pt>
                <c:pt idx="7022">
                  <c:v>6.8917999999999993E-2</c:v>
                </c:pt>
                <c:pt idx="7023">
                  <c:v>6.8907999999999997E-2</c:v>
                </c:pt>
                <c:pt idx="7024">
                  <c:v>6.8898000000000001E-2</c:v>
                </c:pt>
                <c:pt idx="7025">
                  <c:v>6.8889000000000006E-2</c:v>
                </c:pt>
                <c:pt idx="7026">
                  <c:v>6.8878999999999996E-2</c:v>
                </c:pt>
                <c:pt idx="7027">
                  <c:v>6.8869E-2</c:v>
                </c:pt>
                <c:pt idx="7028">
                  <c:v>6.8859000000000004E-2</c:v>
                </c:pt>
                <c:pt idx="7029">
                  <c:v>6.8849999999999995E-2</c:v>
                </c:pt>
                <c:pt idx="7030">
                  <c:v>6.8839999999999998E-2</c:v>
                </c:pt>
                <c:pt idx="7031">
                  <c:v>6.8830000000000002E-2</c:v>
                </c:pt>
                <c:pt idx="7032">
                  <c:v>6.8820000000000006E-2</c:v>
                </c:pt>
                <c:pt idx="7033">
                  <c:v>6.8810999999999997E-2</c:v>
                </c:pt>
                <c:pt idx="7034">
                  <c:v>6.8801000000000001E-2</c:v>
                </c:pt>
                <c:pt idx="7035">
                  <c:v>6.8791000000000005E-2</c:v>
                </c:pt>
                <c:pt idx="7036">
                  <c:v>6.8781999999999996E-2</c:v>
                </c:pt>
                <c:pt idx="7037">
                  <c:v>6.8772E-2</c:v>
                </c:pt>
                <c:pt idx="7038">
                  <c:v>6.8762000000000004E-2</c:v>
                </c:pt>
                <c:pt idx="7039">
                  <c:v>6.8751999999999994E-2</c:v>
                </c:pt>
                <c:pt idx="7040">
                  <c:v>6.8742999999999999E-2</c:v>
                </c:pt>
                <c:pt idx="7041">
                  <c:v>6.8733000000000002E-2</c:v>
                </c:pt>
                <c:pt idx="7042">
                  <c:v>6.8723000000000006E-2</c:v>
                </c:pt>
                <c:pt idx="7043">
                  <c:v>6.8713999999999997E-2</c:v>
                </c:pt>
                <c:pt idx="7044">
                  <c:v>6.8704000000000001E-2</c:v>
                </c:pt>
                <c:pt idx="7045">
                  <c:v>6.8694000000000005E-2</c:v>
                </c:pt>
                <c:pt idx="7046">
                  <c:v>6.8684999999999996E-2</c:v>
                </c:pt>
                <c:pt idx="7047">
                  <c:v>6.8675E-2</c:v>
                </c:pt>
                <c:pt idx="7048">
                  <c:v>6.8665000000000004E-2</c:v>
                </c:pt>
                <c:pt idx="7049">
                  <c:v>6.8655999999999995E-2</c:v>
                </c:pt>
                <c:pt idx="7050">
                  <c:v>6.8645999999999999E-2</c:v>
                </c:pt>
                <c:pt idx="7051">
                  <c:v>6.8636000000000003E-2</c:v>
                </c:pt>
                <c:pt idx="7052">
                  <c:v>6.8626999999999994E-2</c:v>
                </c:pt>
                <c:pt idx="7053">
                  <c:v>6.8616999999999997E-2</c:v>
                </c:pt>
                <c:pt idx="7054">
                  <c:v>6.8607000000000001E-2</c:v>
                </c:pt>
                <c:pt idx="7055">
                  <c:v>6.8598000000000006E-2</c:v>
                </c:pt>
                <c:pt idx="7056">
                  <c:v>6.8587999999999996E-2</c:v>
                </c:pt>
                <c:pt idx="7057">
                  <c:v>6.8578E-2</c:v>
                </c:pt>
                <c:pt idx="7058">
                  <c:v>6.8569000000000005E-2</c:v>
                </c:pt>
                <c:pt idx="7059">
                  <c:v>6.8558999999999995E-2</c:v>
                </c:pt>
                <c:pt idx="7060">
                  <c:v>6.8548999999999999E-2</c:v>
                </c:pt>
                <c:pt idx="7061">
                  <c:v>6.8540000000000004E-2</c:v>
                </c:pt>
                <c:pt idx="7062">
                  <c:v>6.8529999999999994E-2</c:v>
                </c:pt>
                <c:pt idx="7063">
                  <c:v>6.8519999999999998E-2</c:v>
                </c:pt>
                <c:pt idx="7064">
                  <c:v>6.8511000000000002E-2</c:v>
                </c:pt>
                <c:pt idx="7065">
                  <c:v>6.8501000000000006E-2</c:v>
                </c:pt>
                <c:pt idx="7066">
                  <c:v>6.8490999999999996E-2</c:v>
                </c:pt>
                <c:pt idx="7067">
                  <c:v>6.8482000000000001E-2</c:v>
                </c:pt>
                <c:pt idx="7068">
                  <c:v>6.8472000000000005E-2</c:v>
                </c:pt>
                <c:pt idx="7069">
                  <c:v>6.8462999999999996E-2</c:v>
                </c:pt>
                <c:pt idx="7070">
                  <c:v>6.8453E-2</c:v>
                </c:pt>
                <c:pt idx="7071">
                  <c:v>6.8443000000000004E-2</c:v>
                </c:pt>
                <c:pt idx="7072">
                  <c:v>6.8433999999999995E-2</c:v>
                </c:pt>
                <c:pt idx="7073">
                  <c:v>6.8423999999999999E-2</c:v>
                </c:pt>
                <c:pt idx="7074">
                  <c:v>6.8415000000000004E-2</c:v>
                </c:pt>
                <c:pt idx="7075">
                  <c:v>6.8404999999999994E-2</c:v>
                </c:pt>
                <c:pt idx="7076">
                  <c:v>6.8394999999999997E-2</c:v>
                </c:pt>
                <c:pt idx="7077">
                  <c:v>6.8386000000000002E-2</c:v>
                </c:pt>
                <c:pt idx="7078">
                  <c:v>6.8376000000000006E-2</c:v>
                </c:pt>
                <c:pt idx="7079">
                  <c:v>6.8366999999999997E-2</c:v>
                </c:pt>
                <c:pt idx="7080">
                  <c:v>6.8357000000000001E-2</c:v>
                </c:pt>
                <c:pt idx="7081">
                  <c:v>6.8347000000000005E-2</c:v>
                </c:pt>
                <c:pt idx="7082">
                  <c:v>6.8337999999999996E-2</c:v>
                </c:pt>
                <c:pt idx="7083">
                  <c:v>6.8328E-2</c:v>
                </c:pt>
                <c:pt idx="7084">
                  <c:v>6.8319000000000005E-2</c:v>
                </c:pt>
                <c:pt idx="7085">
                  <c:v>6.8308999999999995E-2</c:v>
                </c:pt>
                <c:pt idx="7086">
                  <c:v>6.8298999999999999E-2</c:v>
                </c:pt>
                <c:pt idx="7087">
                  <c:v>6.8290000000000003E-2</c:v>
                </c:pt>
                <c:pt idx="7088">
                  <c:v>6.8279999999999993E-2</c:v>
                </c:pt>
                <c:pt idx="7089">
                  <c:v>6.8270999999999998E-2</c:v>
                </c:pt>
                <c:pt idx="7090">
                  <c:v>6.8261000000000002E-2</c:v>
                </c:pt>
                <c:pt idx="7091">
                  <c:v>6.8251999999999993E-2</c:v>
                </c:pt>
                <c:pt idx="7092">
                  <c:v>6.8241999999999997E-2</c:v>
                </c:pt>
                <c:pt idx="7093">
                  <c:v>6.8232000000000001E-2</c:v>
                </c:pt>
                <c:pt idx="7094">
                  <c:v>6.8223000000000006E-2</c:v>
                </c:pt>
                <c:pt idx="7095">
                  <c:v>6.8212999999999996E-2</c:v>
                </c:pt>
                <c:pt idx="7096">
                  <c:v>6.8204000000000001E-2</c:v>
                </c:pt>
                <c:pt idx="7097">
                  <c:v>6.8194000000000005E-2</c:v>
                </c:pt>
                <c:pt idx="7098">
                  <c:v>6.8184999999999996E-2</c:v>
                </c:pt>
                <c:pt idx="7099">
                  <c:v>6.8174999999999999E-2</c:v>
                </c:pt>
                <c:pt idx="7100">
                  <c:v>6.8166000000000004E-2</c:v>
                </c:pt>
                <c:pt idx="7101">
                  <c:v>6.8155999999999994E-2</c:v>
                </c:pt>
                <c:pt idx="7102">
                  <c:v>6.8146999999999999E-2</c:v>
                </c:pt>
                <c:pt idx="7103">
                  <c:v>6.8137000000000003E-2</c:v>
                </c:pt>
                <c:pt idx="7104">
                  <c:v>6.8127999999999994E-2</c:v>
                </c:pt>
                <c:pt idx="7105">
                  <c:v>6.8117999999999998E-2</c:v>
                </c:pt>
                <c:pt idx="7106">
                  <c:v>6.8108000000000002E-2</c:v>
                </c:pt>
                <c:pt idx="7107">
                  <c:v>6.8099000000000007E-2</c:v>
                </c:pt>
                <c:pt idx="7108">
                  <c:v>6.8088999999999997E-2</c:v>
                </c:pt>
                <c:pt idx="7109">
                  <c:v>6.8080000000000002E-2</c:v>
                </c:pt>
                <c:pt idx="7110">
                  <c:v>6.8070000000000006E-2</c:v>
                </c:pt>
                <c:pt idx="7111">
                  <c:v>6.8060999999999997E-2</c:v>
                </c:pt>
                <c:pt idx="7112">
                  <c:v>6.8051E-2</c:v>
                </c:pt>
                <c:pt idx="7113">
                  <c:v>6.8042000000000005E-2</c:v>
                </c:pt>
                <c:pt idx="7114">
                  <c:v>6.8031999999999995E-2</c:v>
                </c:pt>
                <c:pt idx="7115">
                  <c:v>6.8023E-2</c:v>
                </c:pt>
                <c:pt idx="7116">
                  <c:v>6.8013000000000004E-2</c:v>
                </c:pt>
                <c:pt idx="7117">
                  <c:v>6.8003999999999995E-2</c:v>
                </c:pt>
                <c:pt idx="7118">
                  <c:v>6.7993999999999999E-2</c:v>
                </c:pt>
                <c:pt idx="7119">
                  <c:v>6.7985000000000004E-2</c:v>
                </c:pt>
                <c:pt idx="7120">
                  <c:v>6.7974999999999994E-2</c:v>
                </c:pt>
                <c:pt idx="7121">
                  <c:v>6.7965999999999999E-2</c:v>
                </c:pt>
                <c:pt idx="7122">
                  <c:v>6.7956000000000003E-2</c:v>
                </c:pt>
                <c:pt idx="7123">
                  <c:v>6.7946999999999994E-2</c:v>
                </c:pt>
                <c:pt idx="7124">
                  <c:v>6.7937999999999998E-2</c:v>
                </c:pt>
                <c:pt idx="7125">
                  <c:v>6.7928000000000002E-2</c:v>
                </c:pt>
                <c:pt idx="7126">
                  <c:v>6.7918999999999993E-2</c:v>
                </c:pt>
                <c:pt idx="7127">
                  <c:v>6.7908999999999997E-2</c:v>
                </c:pt>
                <c:pt idx="7128">
                  <c:v>6.7900000000000002E-2</c:v>
                </c:pt>
                <c:pt idx="7129">
                  <c:v>6.7890000000000006E-2</c:v>
                </c:pt>
                <c:pt idx="7130">
                  <c:v>6.7880999999999997E-2</c:v>
                </c:pt>
                <c:pt idx="7131">
                  <c:v>6.7871000000000001E-2</c:v>
                </c:pt>
                <c:pt idx="7132">
                  <c:v>6.7862000000000006E-2</c:v>
                </c:pt>
                <c:pt idx="7133">
                  <c:v>6.7851999999999996E-2</c:v>
                </c:pt>
                <c:pt idx="7134">
                  <c:v>6.7843000000000001E-2</c:v>
                </c:pt>
                <c:pt idx="7135">
                  <c:v>6.7833000000000004E-2</c:v>
                </c:pt>
                <c:pt idx="7136">
                  <c:v>6.7823999999999995E-2</c:v>
                </c:pt>
                <c:pt idx="7137">
                  <c:v>6.7815E-2</c:v>
                </c:pt>
                <c:pt idx="7138">
                  <c:v>6.7805000000000004E-2</c:v>
                </c:pt>
                <c:pt idx="7139">
                  <c:v>6.7795999999999995E-2</c:v>
                </c:pt>
                <c:pt idx="7140">
                  <c:v>6.7785999999999999E-2</c:v>
                </c:pt>
                <c:pt idx="7141">
                  <c:v>6.7777000000000004E-2</c:v>
                </c:pt>
                <c:pt idx="7142">
                  <c:v>6.7766999999999994E-2</c:v>
                </c:pt>
                <c:pt idx="7143">
                  <c:v>6.7757999999999999E-2</c:v>
                </c:pt>
                <c:pt idx="7144">
                  <c:v>6.7749000000000004E-2</c:v>
                </c:pt>
                <c:pt idx="7145">
                  <c:v>6.7738999999999994E-2</c:v>
                </c:pt>
                <c:pt idx="7146">
                  <c:v>6.7729999999999999E-2</c:v>
                </c:pt>
                <c:pt idx="7147">
                  <c:v>6.7720000000000002E-2</c:v>
                </c:pt>
                <c:pt idx="7148">
                  <c:v>6.7710999999999993E-2</c:v>
                </c:pt>
                <c:pt idx="7149">
                  <c:v>6.7700999999999997E-2</c:v>
                </c:pt>
                <c:pt idx="7150">
                  <c:v>6.7692000000000002E-2</c:v>
                </c:pt>
                <c:pt idx="7151">
                  <c:v>6.7682999999999993E-2</c:v>
                </c:pt>
                <c:pt idx="7152">
                  <c:v>6.7672999999999997E-2</c:v>
                </c:pt>
                <c:pt idx="7153">
                  <c:v>6.7664000000000002E-2</c:v>
                </c:pt>
                <c:pt idx="7154">
                  <c:v>6.7654000000000006E-2</c:v>
                </c:pt>
                <c:pt idx="7155">
                  <c:v>6.7644999999999997E-2</c:v>
                </c:pt>
                <c:pt idx="7156">
                  <c:v>6.7636000000000002E-2</c:v>
                </c:pt>
                <c:pt idx="7157">
                  <c:v>6.7626000000000006E-2</c:v>
                </c:pt>
                <c:pt idx="7158">
                  <c:v>6.7616999999999997E-2</c:v>
                </c:pt>
                <c:pt idx="7159">
                  <c:v>6.7608000000000001E-2</c:v>
                </c:pt>
                <c:pt idx="7160">
                  <c:v>6.7598000000000005E-2</c:v>
                </c:pt>
                <c:pt idx="7161">
                  <c:v>6.7588999999999996E-2</c:v>
                </c:pt>
                <c:pt idx="7162">
                  <c:v>6.7579E-2</c:v>
                </c:pt>
                <c:pt idx="7163">
                  <c:v>6.7570000000000005E-2</c:v>
                </c:pt>
                <c:pt idx="7164">
                  <c:v>6.7560999999999996E-2</c:v>
                </c:pt>
                <c:pt idx="7165">
                  <c:v>6.7551E-2</c:v>
                </c:pt>
                <c:pt idx="7166">
                  <c:v>6.7542000000000005E-2</c:v>
                </c:pt>
                <c:pt idx="7167">
                  <c:v>6.7532999999999996E-2</c:v>
                </c:pt>
                <c:pt idx="7168">
                  <c:v>6.7523E-2</c:v>
                </c:pt>
                <c:pt idx="7169">
                  <c:v>6.7514000000000005E-2</c:v>
                </c:pt>
                <c:pt idx="7170">
                  <c:v>6.7504999999999996E-2</c:v>
                </c:pt>
                <c:pt idx="7171">
                  <c:v>6.7494999999999999E-2</c:v>
                </c:pt>
                <c:pt idx="7172">
                  <c:v>6.7486000000000004E-2</c:v>
                </c:pt>
                <c:pt idx="7173">
                  <c:v>6.7475999999999994E-2</c:v>
                </c:pt>
                <c:pt idx="7174">
                  <c:v>6.7466999999999999E-2</c:v>
                </c:pt>
                <c:pt idx="7175">
                  <c:v>6.7458000000000004E-2</c:v>
                </c:pt>
                <c:pt idx="7176">
                  <c:v>6.7447999999999994E-2</c:v>
                </c:pt>
                <c:pt idx="7177">
                  <c:v>6.7438999999999999E-2</c:v>
                </c:pt>
                <c:pt idx="7178">
                  <c:v>6.7430000000000004E-2</c:v>
                </c:pt>
                <c:pt idx="7179">
                  <c:v>6.7419999999999994E-2</c:v>
                </c:pt>
                <c:pt idx="7180">
                  <c:v>6.7410999999999999E-2</c:v>
                </c:pt>
                <c:pt idx="7181">
                  <c:v>6.7402000000000004E-2</c:v>
                </c:pt>
                <c:pt idx="7182">
                  <c:v>6.7391999999999994E-2</c:v>
                </c:pt>
                <c:pt idx="7183">
                  <c:v>6.7382999999999998E-2</c:v>
                </c:pt>
                <c:pt idx="7184">
                  <c:v>6.7374000000000003E-2</c:v>
                </c:pt>
                <c:pt idx="7185">
                  <c:v>6.7363999999999993E-2</c:v>
                </c:pt>
                <c:pt idx="7186">
                  <c:v>6.7354999999999998E-2</c:v>
                </c:pt>
                <c:pt idx="7187">
                  <c:v>6.7346000000000003E-2</c:v>
                </c:pt>
                <c:pt idx="7188">
                  <c:v>6.7336999999999994E-2</c:v>
                </c:pt>
                <c:pt idx="7189">
                  <c:v>6.7326999999999998E-2</c:v>
                </c:pt>
                <c:pt idx="7190">
                  <c:v>6.7318000000000003E-2</c:v>
                </c:pt>
                <c:pt idx="7191">
                  <c:v>6.7308999999999994E-2</c:v>
                </c:pt>
                <c:pt idx="7192">
                  <c:v>6.7298999999999998E-2</c:v>
                </c:pt>
                <c:pt idx="7193">
                  <c:v>6.7290000000000003E-2</c:v>
                </c:pt>
                <c:pt idx="7194">
                  <c:v>6.7280999999999994E-2</c:v>
                </c:pt>
                <c:pt idx="7195">
                  <c:v>6.7270999999999997E-2</c:v>
                </c:pt>
                <c:pt idx="7196">
                  <c:v>6.7262000000000002E-2</c:v>
                </c:pt>
                <c:pt idx="7197">
                  <c:v>6.7252999999999993E-2</c:v>
                </c:pt>
                <c:pt idx="7198">
                  <c:v>6.7243999999999998E-2</c:v>
                </c:pt>
                <c:pt idx="7199">
                  <c:v>6.7234000000000002E-2</c:v>
                </c:pt>
                <c:pt idx="7200">
                  <c:v>6.7224999999999993E-2</c:v>
                </c:pt>
                <c:pt idx="7201">
                  <c:v>6.7215999999999998E-2</c:v>
                </c:pt>
                <c:pt idx="7202">
                  <c:v>6.7207000000000003E-2</c:v>
                </c:pt>
                <c:pt idx="7203">
                  <c:v>6.7197000000000007E-2</c:v>
                </c:pt>
                <c:pt idx="7204">
                  <c:v>6.7187999999999998E-2</c:v>
                </c:pt>
                <c:pt idx="7205">
                  <c:v>6.7179000000000003E-2</c:v>
                </c:pt>
                <c:pt idx="7206">
                  <c:v>6.7169000000000006E-2</c:v>
                </c:pt>
                <c:pt idx="7207">
                  <c:v>6.7159999999999997E-2</c:v>
                </c:pt>
                <c:pt idx="7208">
                  <c:v>6.7151000000000002E-2</c:v>
                </c:pt>
                <c:pt idx="7209">
                  <c:v>6.7141999999999993E-2</c:v>
                </c:pt>
                <c:pt idx="7210">
                  <c:v>6.7131999999999997E-2</c:v>
                </c:pt>
                <c:pt idx="7211">
                  <c:v>6.7123000000000002E-2</c:v>
                </c:pt>
                <c:pt idx="7212">
                  <c:v>6.7113999999999993E-2</c:v>
                </c:pt>
                <c:pt idx="7213">
                  <c:v>6.7104999999999998E-2</c:v>
                </c:pt>
                <c:pt idx="7214">
                  <c:v>6.7095000000000002E-2</c:v>
                </c:pt>
                <c:pt idx="7215">
                  <c:v>6.7086000000000007E-2</c:v>
                </c:pt>
                <c:pt idx="7216">
                  <c:v>6.7076999999999998E-2</c:v>
                </c:pt>
                <c:pt idx="7217">
                  <c:v>6.7068000000000003E-2</c:v>
                </c:pt>
                <c:pt idx="7218">
                  <c:v>6.7058999999999994E-2</c:v>
                </c:pt>
                <c:pt idx="7219">
                  <c:v>6.7048999999999997E-2</c:v>
                </c:pt>
                <c:pt idx="7220">
                  <c:v>6.7040000000000002E-2</c:v>
                </c:pt>
                <c:pt idx="7221">
                  <c:v>6.7030999999999993E-2</c:v>
                </c:pt>
                <c:pt idx="7222">
                  <c:v>6.7021999999999998E-2</c:v>
                </c:pt>
                <c:pt idx="7223">
                  <c:v>6.7012000000000002E-2</c:v>
                </c:pt>
                <c:pt idx="7224">
                  <c:v>6.7002999999999993E-2</c:v>
                </c:pt>
                <c:pt idx="7225">
                  <c:v>6.6993999999999998E-2</c:v>
                </c:pt>
                <c:pt idx="7226">
                  <c:v>6.6985000000000003E-2</c:v>
                </c:pt>
                <c:pt idx="7227">
                  <c:v>6.6975999999999994E-2</c:v>
                </c:pt>
                <c:pt idx="7228">
                  <c:v>6.6965999999999998E-2</c:v>
                </c:pt>
                <c:pt idx="7229">
                  <c:v>6.6957000000000003E-2</c:v>
                </c:pt>
                <c:pt idx="7230">
                  <c:v>6.6947999999999994E-2</c:v>
                </c:pt>
                <c:pt idx="7231">
                  <c:v>6.6938999999999999E-2</c:v>
                </c:pt>
                <c:pt idx="7232">
                  <c:v>6.6930000000000003E-2</c:v>
                </c:pt>
                <c:pt idx="7233">
                  <c:v>6.6919999999999993E-2</c:v>
                </c:pt>
                <c:pt idx="7234">
                  <c:v>6.6910999999999998E-2</c:v>
                </c:pt>
                <c:pt idx="7235">
                  <c:v>6.6902000000000003E-2</c:v>
                </c:pt>
                <c:pt idx="7236">
                  <c:v>6.6892999999999994E-2</c:v>
                </c:pt>
                <c:pt idx="7237">
                  <c:v>6.6883999999999999E-2</c:v>
                </c:pt>
                <c:pt idx="7238">
                  <c:v>6.6874000000000003E-2</c:v>
                </c:pt>
                <c:pt idx="7239">
                  <c:v>6.6864999999999994E-2</c:v>
                </c:pt>
                <c:pt idx="7240">
                  <c:v>6.6855999999999999E-2</c:v>
                </c:pt>
                <c:pt idx="7241">
                  <c:v>6.6847000000000004E-2</c:v>
                </c:pt>
                <c:pt idx="7242">
                  <c:v>6.6837999999999995E-2</c:v>
                </c:pt>
                <c:pt idx="7243">
                  <c:v>6.6829E-2</c:v>
                </c:pt>
                <c:pt idx="7244">
                  <c:v>6.6819000000000003E-2</c:v>
                </c:pt>
                <c:pt idx="7245">
                  <c:v>6.6809999999999994E-2</c:v>
                </c:pt>
                <c:pt idx="7246">
                  <c:v>6.6800999999999999E-2</c:v>
                </c:pt>
                <c:pt idx="7247">
                  <c:v>6.6792000000000004E-2</c:v>
                </c:pt>
                <c:pt idx="7248">
                  <c:v>6.6782999999999995E-2</c:v>
                </c:pt>
                <c:pt idx="7249">
                  <c:v>6.6774E-2</c:v>
                </c:pt>
                <c:pt idx="7250">
                  <c:v>6.6764000000000004E-2</c:v>
                </c:pt>
                <c:pt idx="7251">
                  <c:v>6.6754999999999995E-2</c:v>
                </c:pt>
                <c:pt idx="7252">
                  <c:v>6.6746E-2</c:v>
                </c:pt>
                <c:pt idx="7253">
                  <c:v>6.6737000000000005E-2</c:v>
                </c:pt>
                <c:pt idx="7254">
                  <c:v>6.6727999999999996E-2</c:v>
                </c:pt>
                <c:pt idx="7255">
                  <c:v>6.6719000000000001E-2</c:v>
                </c:pt>
                <c:pt idx="7256">
                  <c:v>6.6710000000000005E-2</c:v>
                </c:pt>
                <c:pt idx="7257">
                  <c:v>6.6699999999999995E-2</c:v>
                </c:pt>
                <c:pt idx="7258">
                  <c:v>6.6691E-2</c:v>
                </c:pt>
                <c:pt idx="7259">
                  <c:v>6.6682000000000005E-2</c:v>
                </c:pt>
                <c:pt idx="7260">
                  <c:v>6.6672999999999996E-2</c:v>
                </c:pt>
                <c:pt idx="7261">
                  <c:v>6.6664000000000001E-2</c:v>
                </c:pt>
                <c:pt idx="7262">
                  <c:v>6.6655000000000006E-2</c:v>
                </c:pt>
                <c:pt idx="7263">
                  <c:v>6.6645999999999997E-2</c:v>
                </c:pt>
                <c:pt idx="7264">
                  <c:v>6.6637000000000002E-2</c:v>
                </c:pt>
                <c:pt idx="7265">
                  <c:v>6.6628000000000007E-2</c:v>
                </c:pt>
                <c:pt idx="7266">
                  <c:v>6.6617999999999997E-2</c:v>
                </c:pt>
                <c:pt idx="7267">
                  <c:v>6.6609000000000002E-2</c:v>
                </c:pt>
                <c:pt idx="7268">
                  <c:v>6.6600000000000006E-2</c:v>
                </c:pt>
                <c:pt idx="7269">
                  <c:v>6.6590999999999997E-2</c:v>
                </c:pt>
                <c:pt idx="7270">
                  <c:v>6.6582000000000002E-2</c:v>
                </c:pt>
                <c:pt idx="7271">
                  <c:v>6.6572999999999993E-2</c:v>
                </c:pt>
                <c:pt idx="7272">
                  <c:v>6.6563999999999998E-2</c:v>
                </c:pt>
                <c:pt idx="7273">
                  <c:v>6.6555000000000003E-2</c:v>
                </c:pt>
                <c:pt idx="7274">
                  <c:v>6.6545999999999994E-2</c:v>
                </c:pt>
                <c:pt idx="7275">
                  <c:v>6.6536999999999999E-2</c:v>
                </c:pt>
                <c:pt idx="7276">
                  <c:v>6.6527000000000003E-2</c:v>
                </c:pt>
                <c:pt idx="7277">
                  <c:v>6.6517999999999994E-2</c:v>
                </c:pt>
                <c:pt idx="7278">
                  <c:v>6.6508999999999999E-2</c:v>
                </c:pt>
                <c:pt idx="7279">
                  <c:v>6.6500000000000004E-2</c:v>
                </c:pt>
                <c:pt idx="7280">
                  <c:v>6.6490999999999995E-2</c:v>
                </c:pt>
                <c:pt idx="7281">
                  <c:v>6.6481999999999999E-2</c:v>
                </c:pt>
                <c:pt idx="7282">
                  <c:v>6.6473000000000004E-2</c:v>
                </c:pt>
                <c:pt idx="7283">
                  <c:v>6.6463999999999995E-2</c:v>
                </c:pt>
                <c:pt idx="7284">
                  <c:v>6.6455E-2</c:v>
                </c:pt>
                <c:pt idx="7285">
                  <c:v>6.6446000000000005E-2</c:v>
                </c:pt>
                <c:pt idx="7286">
                  <c:v>6.6436999999999996E-2</c:v>
                </c:pt>
                <c:pt idx="7287">
                  <c:v>6.6428000000000001E-2</c:v>
                </c:pt>
                <c:pt idx="7288">
                  <c:v>6.6419000000000006E-2</c:v>
                </c:pt>
                <c:pt idx="7289">
                  <c:v>6.6409999999999997E-2</c:v>
                </c:pt>
                <c:pt idx="7290">
                  <c:v>6.6401000000000002E-2</c:v>
                </c:pt>
                <c:pt idx="7291">
                  <c:v>6.6391000000000006E-2</c:v>
                </c:pt>
                <c:pt idx="7292">
                  <c:v>6.6381999999999997E-2</c:v>
                </c:pt>
                <c:pt idx="7293">
                  <c:v>6.6373000000000001E-2</c:v>
                </c:pt>
                <c:pt idx="7294">
                  <c:v>6.6364000000000006E-2</c:v>
                </c:pt>
                <c:pt idx="7295">
                  <c:v>6.6354999999999997E-2</c:v>
                </c:pt>
                <c:pt idx="7296">
                  <c:v>6.6346000000000002E-2</c:v>
                </c:pt>
                <c:pt idx="7297">
                  <c:v>6.6336999999999993E-2</c:v>
                </c:pt>
                <c:pt idx="7298">
                  <c:v>6.6327999999999998E-2</c:v>
                </c:pt>
                <c:pt idx="7299">
                  <c:v>6.6319000000000003E-2</c:v>
                </c:pt>
                <c:pt idx="7300">
                  <c:v>6.6309999999999994E-2</c:v>
                </c:pt>
                <c:pt idx="7301">
                  <c:v>6.6300999999999999E-2</c:v>
                </c:pt>
                <c:pt idx="7302">
                  <c:v>6.6292000000000004E-2</c:v>
                </c:pt>
                <c:pt idx="7303">
                  <c:v>6.6282999999999995E-2</c:v>
                </c:pt>
                <c:pt idx="7304">
                  <c:v>6.6274E-2</c:v>
                </c:pt>
                <c:pt idx="7305">
                  <c:v>6.6265000000000004E-2</c:v>
                </c:pt>
                <c:pt idx="7306">
                  <c:v>6.6255999999999995E-2</c:v>
                </c:pt>
                <c:pt idx="7307">
                  <c:v>6.6247E-2</c:v>
                </c:pt>
                <c:pt idx="7308">
                  <c:v>6.6238000000000005E-2</c:v>
                </c:pt>
                <c:pt idx="7309">
                  <c:v>6.6228999999999996E-2</c:v>
                </c:pt>
                <c:pt idx="7310">
                  <c:v>6.6220000000000001E-2</c:v>
                </c:pt>
                <c:pt idx="7311">
                  <c:v>6.6211000000000006E-2</c:v>
                </c:pt>
                <c:pt idx="7312">
                  <c:v>6.6201999999999997E-2</c:v>
                </c:pt>
                <c:pt idx="7313">
                  <c:v>6.6193000000000002E-2</c:v>
                </c:pt>
                <c:pt idx="7314">
                  <c:v>6.6184000000000007E-2</c:v>
                </c:pt>
                <c:pt idx="7315">
                  <c:v>6.6174999999999998E-2</c:v>
                </c:pt>
                <c:pt idx="7316">
                  <c:v>6.6166000000000003E-2</c:v>
                </c:pt>
                <c:pt idx="7317">
                  <c:v>6.6156999999999994E-2</c:v>
                </c:pt>
                <c:pt idx="7318">
                  <c:v>6.6147999999999998E-2</c:v>
                </c:pt>
                <c:pt idx="7319">
                  <c:v>6.6139000000000003E-2</c:v>
                </c:pt>
                <c:pt idx="7320">
                  <c:v>6.6129999999999994E-2</c:v>
                </c:pt>
                <c:pt idx="7321">
                  <c:v>6.6120999999999999E-2</c:v>
                </c:pt>
                <c:pt idx="7322">
                  <c:v>6.6112000000000004E-2</c:v>
                </c:pt>
                <c:pt idx="7323">
                  <c:v>6.6102999999999995E-2</c:v>
                </c:pt>
                <c:pt idx="7324">
                  <c:v>6.6094E-2</c:v>
                </c:pt>
                <c:pt idx="7325">
                  <c:v>6.6085000000000005E-2</c:v>
                </c:pt>
                <c:pt idx="7326">
                  <c:v>6.6075999999999996E-2</c:v>
                </c:pt>
                <c:pt idx="7327">
                  <c:v>6.6067000000000001E-2</c:v>
                </c:pt>
                <c:pt idx="7328">
                  <c:v>6.6058000000000006E-2</c:v>
                </c:pt>
                <c:pt idx="7329">
                  <c:v>6.6048999999999997E-2</c:v>
                </c:pt>
                <c:pt idx="7330">
                  <c:v>6.6040000000000001E-2</c:v>
                </c:pt>
                <c:pt idx="7331">
                  <c:v>6.6031999999999993E-2</c:v>
                </c:pt>
                <c:pt idx="7332">
                  <c:v>6.6022999999999998E-2</c:v>
                </c:pt>
                <c:pt idx="7333">
                  <c:v>6.6014000000000003E-2</c:v>
                </c:pt>
                <c:pt idx="7334">
                  <c:v>6.6004999999999994E-2</c:v>
                </c:pt>
                <c:pt idx="7335">
                  <c:v>6.5995999999999999E-2</c:v>
                </c:pt>
                <c:pt idx="7336">
                  <c:v>6.5987000000000004E-2</c:v>
                </c:pt>
                <c:pt idx="7337">
                  <c:v>6.5977999999999995E-2</c:v>
                </c:pt>
                <c:pt idx="7338">
                  <c:v>6.5969E-2</c:v>
                </c:pt>
                <c:pt idx="7339">
                  <c:v>6.5960000000000005E-2</c:v>
                </c:pt>
                <c:pt idx="7340">
                  <c:v>6.5950999999999996E-2</c:v>
                </c:pt>
                <c:pt idx="7341">
                  <c:v>6.5942000000000001E-2</c:v>
                </c:pt>
                <c:pt idx="7342">
                  <c:v>6.5933000000000005E-2</c:v>
                </c:pt>
                <c:pt idx="7343">
                  <c:v>6.5923999999999996E-2</c:v>
                </c:pt>
                <c:pt idx="7344">
                  <c:v>6.5915000000000001E-2</c:v>
                </c:pt>
                <c:pt idx="7345">
                  <c:v>6.5906000000000006E-2</c:v>
                </c:pt>
                <c:pt idx="7346">
                  <c:v>6.5897999999999998E-2</c:v>
                </c:pt>
                <c:pt idx="7347">
                  <c:v>6.5889000000000003E-2</c:v>
                </c:pt>
                <c:pt idx="7348">
                  <c:v>6.5879999999999994E-2</c:v>
                </c:pt>
                <c:pt idx="7349">
                  <c:v>6.5870999999999999E-2</c:v>
                </c:pt>
                <c:pt idx="7350">
                  <c:v>6.5862000000000004E-2</c:v>
                </c:pt>
                <c:pt idx="7351">
                  <c:v>6.5852999999999995E-2</c:v>
                </c:pt>
                <c:pt idx="7352">
                  <c:v>6.5844E-2</c:v>
                </c:pt>
                <c:pt idx="7353">
                  <c:v>6.5835000000000005E-2</c:v>
                </c:pt>
                <c:pt idx="7354">
                  <c:v>6.5825999999999996E-2</c:v>
                </c:pt>
                <c:pt idx="7355">
                  <c:v>6.5817000000000001E-2</c:v>
                </c:pt>
                <c:pt idx="7356">
                  <c:v>6.5809000000000006E-2</c:v>
                </c:pt>
                <c:pt idx="7357">
                  <c:v>6.5799999999999997E-2</c:v>
                </c:pt>
                <c:pt idx="7358">
                  <c:v>6.5791000000000002E-2</c:v>
                </c:pt>
                <c:pt idx="7359">
                  <c:v>6.5781999999999993E-2</c:v>
                </c:pt>
                <c:pt idx="7360">
                  <c:v>6.5772999999999998E-2</c:v>
                </c:pt>
                <c:pt idx="7361">
                  <c:v>6.5764000000000003E-2</c:v>
                </c:pt>
                <c:pt idx="7362">
                  <c:v>6.5754999999999994E-2</c:v>
                </c:pt>
                <c:pt idx="7363">
                  <c:v>6.5745999999999999E-2</c:v>
                </c:pt>
                <c:pt idx="7364">
                  <c:v>6.5738000000000005E-2</c:v>
                </c:pt>
                <c:pt idx="7365">
                  <c:v>6.5728999999999996E-2</c:v>
                </c:pt>
                <c:pt idx="7366">
                  <c:v>6.5720000000000001E-2</c:v>
                </c:pt>
                <c:pt idx="7367">
                  <c:v>6.5711000000000006E-2</c:v>
                </c:pt>
                <c:pt idx="7368">
                  <c:v>6.5701999999999997E-2</c:v>
                </c:pt>
                <c:pt idx="7369">
                  <c:v>6.5693000000000001E-2</c:v>
                </c:pt>
                <c:pt idx="7370">
                  <c:v>6.5684000000000006E-2</c:v>
                </c:pt>
                <c:pt idx="7371">
                  <c:v>6.5675999999999998E-2</c:v>
                </c:pt>
                <c:pt idx="7372">
                  <c:v>6.5667000000000003E-2</c:v>
                </c:pt>
                <c:pt idx="7373">
                  <c:v>6.5657999999999994E-2</c:v>
                </c:pt>
                <c:pt idx="7374">
                  <c:v>6.5648999999999999E-2</c:v>
                </c:pt>
                <c:pt idx="7375">
                  <c:v>6.5640000000000004E-2</c:v>
                </c:pt>
                <c:pt idx="7376">
                  <c:v>6.5630999999999995E-2</c:v>
                </c:pt>
                <c:pt idx="7377">
                  <c:v>6.5622E-2</c:v>
                </c:pt>
                <c:pt idx="7378">
                  <c:v>6.5614000000000006E-2</c:v>
                </c:pt>
                <c:pt idx="7379">
                  <c:v>6.5604999999999997E-2</c:v>
                </c:pt>
                <c:pt idx="7380">
                  <c:v>6.5596000000000002E-2</c:v>
                </c:pt>
                <c:pt idx="7381">
                  <c:v>6.5587000000000006E-2</c:v>
                </c:pt>
                <c:pt idx="7382">
                  <c:v>6.5577999999999997E-2</c:v>
                </c:pt>
                <c:pt idx="7383">
                  <c:v>6.5569000000000002E-2</c:v>
                </c:pt>
                <c:pt idx="7384">
                  <c:v>6.5560999999999994E-2</c:v>
                </c:pt>
                <c:pt idx="7385">
                  <c:v>6.5551999999999999E-2</c:v>
                </c:pt>
                <c:pt idx="7386">
                  <c:v>6.5543000000000004E-2</c:v>
                </c:pt>
                <c:pt idx="7387">
                  <c:v>6.5533999999999995E-2</c:v>
                </c:pt>
                <c:pt idx="7388">
                  <c:v>6.5525E-2</c:v>
                </c:pt>
                <c:pt idx="7389">
                  <c:v>6.5517000000000006E-2</c:v>
                </c:pt>
                <c:pt idx="7390">
                  <c:v>6.5507999999999997E-2</c:v>
                </c:pt>
                <c:pt idx="7391">
                  <c:v>6.5499000000000002E-2</c:v>
                </c:pt>
                <c:pt idx="7392">
                  <c:v>6.5490000000000007E-2</c:v>
                </c:pt>
                <c:pt idx="7393">
                  <c:v>6.5480999999999998E-2</c:v>
                </c:pt>
                <c:pt idx="7394">
                  <c:v>6.5473000000000003E-2</c:v>
                </c:pt>
                <c:pt idx="7395">
                  <c:v>6.5463999999999994E-2</c:v>
                </c:pt>
                <c:pt idx="7396">
                  <c:v>6.5454999999999999E-2</c:v>
                </c:pt>
                <c:pt idx="7397">
                  <c:v>6.5446000000000004E-2</c:v>
                </c:pt>
                <c:pt idx="7398">
                  <c:v>6.5436999999999995E-2</c:v>
                </c:pt>
                <c:pt idx="7399">
                  <c:v>6.5429000000000001E-2</c:v>
                </c:pt>
                <c:pt idx="7400">
                  <c:v>6.5420000000000006E-2</c:v>
                </c:pt>
                <c:pt idx="7401">
                  <c:v>6.5410999999999997E-2</c:v>
                </c:pt>
                <c:pt idx="7402">
                  <c:v>6.5402000000000002E-2</c:v>
                </c:pt>
                <c:pt idx="7403">
                  <c:v>6.5393000000000007E-2</c:v>
                </c:pt>
                <c:pt idx="7404">
                  <c:v>6.5384999999999999E-2</c:v>
                </c:pt>
                <c:pt idx="7405">
                  <c:v>6.5376000000000004E-2</c:v>
                </c:pt>
                <c:pt idx="7406">
                  <c:v>6.5366999999999995E-2</c:v>
                </c:pt>
                <c:pt idx="7407">
                  <c:v>6.5357999999999999E-2</c:v>
                </c:pt>
                <c:pt idx="7408">
                  <c:v>6.5350000000000005E-2</c:v>
                </c:pt>
                <c:pt idx="7409">
                  <c:v>6.5340999999999996E-2</c:v>
                </c:pt>
                <c:pt idx="7410">
                  <c:v>6.5332000000000001E-2</c:v>
                </c:pt>
                <c:pt idx="7411">
                  <c:v>6.5323000000000006E-2</c:v>
                </c:pt>
                <c:pt idx="7412">
                  <c:v>6.5314999999999998E-2</c:v>
                </c:pt>
                <c:pt idx="7413">
                  <c:v>6.5306000000000003E-2</c:v>
                </c:pt>
                <c:pt idx="7414">
                  <c:v>6.5296999999999994E-2</c:v>
                </c:pt>
                <c:pt idx="7415">
                  <c:v>6.5287999999999999E-2</c:v>
                </c:pt>
                <c:pt idx="7416">
                  <c:v>6.5280000000000005E-2</c:v>
                </c:pt>
                <c:pt idx="7417">
                  <c:v>6.5270999999999996E-2</c:v>
                </c:pt>
                <c:pt idx="7418">
                  <c:v>6.5262000000000001E-2</c:v>
                </c:pt>
                <c:pt idx="7419">
                  <c:v>6.5253000000000005E-2</c:v>
                </c:pt>
                <c:pt idx="7420">
                  <c:v>6.5244999999999997E-2</c:v>
                </c:pt>
                <c:pt idx="7421">
                  <c:v>6.5236000000000002E-2</c:v>
                </c:pt>
                <c:pt idx="7422">
                  <c:v>6.5226999999999993E-2</c:v>
                </c:pt>
                <c:pt idx="7423">
                  <c:v>6.5217999999999998E-2</c:v>
                </c:pt>
                <c:pt idx="7424">
                  <c:v>6.5210000000000004E-2</c:v>
                </c:pt>
                <c:pt idx="7425">
                  <c:v>6.5200999999999995E-2</c:v>
                </c:pt>
                <c:pt idx="7426">
                  <c:v>6.5192E-2</c:v>
                </c:pt>
                <c:pt idx="7427">
                  <c:v>6.5183000000000005E-2</c:v>
                </c:pt>
                <c:pt idx="7428">
                  <c:v>6.5174999999999997E-2</c:v>
                </c:pt>
                <c:pt idx="7429">
                  <c:v>6.5166000000000002E-2</c:v>
                </c:pt>
                <c:pt idx="7430">
                  <c:v>6.5157000000000007E-2</c:v>
                </c:pt>
                <c:pt idx="7431">
                  <c:v>6.5148999999999999E-2</c:v>
                </c:pt>
                <c:pt idx="7432">
                  <c:v>6.5140000000000003E-2</c:v>
                </c:pt>
                <c:pt idx="7433">
                  <c:v>6.5130999999999994E-2</c:v>
                </c:pt>
                <c:pt idx="7434">
                  <c:v>6.5121999999999999E-2</c:v>
                </c:pt>
                <c:pt idx="7435">
                  <c:v>6.5114000000000005E-2</c:v>
                </c:pt>
                <c:pt idx="7436">
                  <c:v>6.5104999999999996E-2</c:v>
                </c:pt>
                <c:pt idx="7437">
                  <c:v>6.5096000000000001E-2</c:v>
                </c:pt>
                <c:pt idx="7438">
                  <c:v>6.5087999999999993E-2</c:v>
                </c:pt>
                <c:pt idx="7439">
                  <c:v>6.5078999999999998E-2</c:v>
                </c:pt>
                <c:pt idx="7440">
                  <c:v>6.5070000000000003E-2</c:v>
                </c:pt>
                <c:pt idx="7441">
                  <c:v>6.5061999999999995E-2</c:v>
                </c:pt>
                <c:pt idx="7442">
                  <c:v>6.5053E-2</c:v>
                </c:pt>
                <c:pt idx="7443">
                  <c:v>6.5044000000000005E-2</c:v>
                </c:pt>
                <c:pt idx="7444">
                  <c:v>6.5035999999999997E-2</c:v>
                </c:pt>
                <c:pt idx="7445">
                  <c:v>6.5027000000000001E-2</c:v>
                </c:pt>
                <c:pt idx="7446">
                  <c:v>6.5018000000000006E-2</c:v>
                </c:pt>
                <c:pt idx="7447">
                  <c:v>6.5009999999999998E-2</c:v>
                </c:pt>
                <c:pt idx="7448">
                  <c:v>6.5001000000000003E-2</c:v>
                </c:pt>
                <c:pt idx="7449">
                  <c:v>6.4991999999999994E-2</c:v>
                </c:pt>
                <c:pt idx="7450">
                  <c:v>6.4984E-2</c:v>
                </c:pt>
                <c:pt idx="7451">
                  <c:v>6.4975000000000005E-2</c:v>
                </c:pt>
                <c:pt idx="7452">
                  <c:v>6.4965999999999996E-2</c:v>
                </c:pt>
                <c:pt idx="7453">
                  <c:v>6.4958000000000002E-2</c:v>
                </c:pt>
                <c:pt idx="7454">
                  <c:v>6.4949000000000007E-2</c:v>
                </c:pt>
                <c:pt idx="7455">
                  <c:v>6.4939999999999998E-2</c:v>
                </c:pt>
                <c:pt idx="7456">
                  <c:v>6.4932000000000004E-2</c:v>
                </c:pt>
                <c:pt idx="7457">
                  <c:v>6.4922999999999995E-2</c:v>
                </c:pt>
                <c:pt idx="7458">
                  <c:v>6.4913999999999999E-2</c:v>
                </c:pt>
                <c:pt idx="7459">
                  <c:v>6.4906000000000005E-2</c:v>
                </c:pt>
                <c:pt idx="7460">
                  <c:v>6.4896999999999996E-2</c:v>
                </c:pt>
                <c:pt idx="7461">
                  <c:v>6.4888000000000001E-2</c:v>
                </c:pt>
                <c:pt idx="7462">
                  <c:v>6.4879999999999993E-2</c:v>
                </c:pt>
                <c:pt idx="7463">
                  <c:v>6.4870999999999998E-2</c:v>
                </c:pt>
                <c:pt idx="7464">
                  <c:v>6.4862000000000003E-2</c:v>
                </c:pt>
                <c:pt idx="7465">
                  <c:v>6.4853999999999995E-2</c:v>
                </c:pt>
                <c:pt idx="7466">
                  <c:v>6.4845E-2</c:v>
                </c:pt>
                <c:pt idx="7467">
                  <c:v>6.4837000000000006E-2</c:v>
                </c:pt>
                <c:pt idx="7468">
                  <c:v>6.4827999999999997E-2</c:v>
                </c:pt>
                <c:pt idx="7469">
                  <c:v>6.4819000000000002E-2</c:v>
                </c:pt>
                <c:pt idx="7470">
                  <c:v>6.4810999999999994E-2</c:v>
                </c:pt>
                <c:pt idx="7471">
                  <c:v>6.4801999999999998E-2</c:v>
                </c:pt>
                <c:pt idx="7472">
                  <c:v>6.4793000000000003E-2</c:v>
                </c:pt>
                <c:pt idx="7473">
                  <c:v>6.4784999999999995E-2</c:v>
                </c:pt>
                <c:pt idx="7474">
                  <c:v>6.4776E-2</c:v>
                </c:pt>
                <c:pt idx="7475">
                  <c:v>6.4768000000000006E-2</c:v>
                </c:pt>
                <c:pt idx="7476">
                  <c:v>6.4758999999999997E-2</c:v>
                </c:pt>
                <c:pt idx="7477">
                  <c:v>6.4750000000000002E-2</c:v>
                </c:pt>
                <c:pt idx="7478">
                  <c:v>6.4741999999999994E-2</c:v>
                </c:pt>
                <c:pt idx="7479">
                  <c:v>6.4732999999999999E-2</c:v>
                </c:pt>
                <c:pt idx="7480">
                  <c:v>6.4725000000000005E-2</c:v>
                </c:pt>
                <c:pt idx="7481">
                  <c:v>6.4715999999999996E-2</c:v>
                </c:pt>
                <c:pt idx="7482">
                  <c:v>6.4707000000000001E-2</c:v>
                </c:pt>
                <c:pt idx="7483">
                  <c:v>6.4699000000000007E-2</c:v>
                </c:pt>
                <c:pt idx="7484">
                  <c:v>6.4689999999999998E-2</c:v>
                </c:pt>
                <c:pt idx="7485">
                  <c:v>6.4682000000000003E-2</c:v>
                </c:pt>
                <c:pt idx="7486">
                  <c:v>6.4672999999999994E-2</c:v>
                </c:pt>
                <c:pt idx="7487">
                  <c:v>6.4663999999999999E-2</c:v>
                </c:pt>
                <c:pt idx="7488">
                  <c:v>6.4656000000000005E-2</c:v>
                </c:pt>
                <c:pt idx="7489">
                  <c:v>6.4646999999999996E-2</c:v>
                </c:pt>
                <c:pt idx="7490">
                  <c:v>6.4639000000000002E-2</c:v>
                </c:pt>
                <c:pt idx="7491">
                  <c:v>6.4630000000000007E-2</c:v>
                </c:pt>
                <c:pt idx="7492">
                  <c:v>6.4621999999999999E-2</c:v>
                </c:pt>
                <c:pt idx="7493">
                  <c:v>6.4613000000000004E-2</c:v>
                </c:pt>
                <c:pt idx="7494">
                  <c:v>6.4603999999999995E-2</c:v>
                </c:pt>
                <c:pt idx="7495">
                  <c:v>6.4596000000000001E-2</c:v>
                </c:pt>
                <c:pt idx="7496">
                  <c:v>6.4587000000000006E-2</c:v>
                </c:pt>
                <c:pt idx="7497">
                  <c:v>6.4578999999999998E-2</c:v>
                </c:pt>
                <c:pt idx="7498">
                  <c:v>6.4570000000000002E-2</c:v>
                </c:pt>
                <c:pt idx="7499">
                  <c:v>6.4561999999999994E-2</c:v>
                </c:pt>
                <c:pt idx="7500">
                  <c:v>6.4552999999999999E-2</c:v>
                </c:pt>
                <c:pt idx="7501">
                  <c:v>6.4545000000000005E-2</c:v>
                </c:pt>
                <c:pt idx="7502">
                  <c:v>6.4535999999999996E-2</c:v>
                </c:pt>
                <c:pt idx="7503">
                  <c:v>6.4527000000000001E-2</c:v>
                </c:pt>
                <c:pt idx="7504">
                  <c:v>6.4519000000000007E-2</c:v>
                </c:pt>
                <c:pt idx="7505">
                  <c:v>6.4509999999999998E-2</c:v>
                </c:pt>
                <c:pt idx="7506">
                  <c:v>6.4502000000000004E-2</c:v>
                </c:pt>
                <c:pt idx="7507">
                  <c:v>6.4492999999999995E-2</c:v>
                </c:pt>
                <c:pt idx="7508">
                  <c:v>6.4485000000000001E-2</c:v>
                </c:pt>
                <c:pt idx="7509">
                  <c:v>6.4476000000000006E-2</c:v>
                </c:pt>
                <c:pt idx="7510">
                  <c:v>6.4467999999999998E-2</c:v>
                </c:pt>
                <c:pt idx="7511">
                  <c:v>6.4459000000000002E-2</c:v>
                </c:pt>
                <c:pt idx="7512">
                  <c:v>6.4450999999999994E-2</c:v>
                </c:pt>
                <c:pt idx="7513">
                  <c:v>6.4441999999999999E-2</c:v>
                </c:pt>
                <c:pt idx="7514">
                  <c:v>6.4434000000000005E-2</c:v>
                </c:pt>
                <c:pt idx="7515">
                  <c:v>6.4424999999999996E-2</c:v>
                </c:pt>
                <c:pt idx="7516">
                  <c:v>6.4417000000000002E-2</c:v>
                </c:pt>
                <c:pt idx="7517">
                  <c:v>6.4408000000000007E-2</c:v>
                </c:pt>
                <c:pt idx="7518">
                  <c:v>6.4398999999999998E-2</c:v>
                </c:pt>
                <c:pt idx="7519">
                  <c:v>6.4391000000000004E-2</c:v>
                </c:pt>
                <c:pt idx="7520">
                  <c:v>6.4381999999999995E-2</c:v>
                </c:pt>
                <c:pt idx="7521">
                  <c:v>6.4374000000000001E-2</c:v>
                </c:pt>
                <c:pt idx="7522">
                  <c:v>6.4365000000000006E-2</c:v>
                </c:pt>
                <c:pt idx="7523">
                  <c:v>6.4356999999999998E-2</c:v>
                </c:pt>
                <c:pt idx="7524">
                  <c:v>6.4348000000000002E-2</c:v>
                </c:pt>
                <c:pt idx="7525">
                  <c:v>6.4339999999999994E-2</c:v>
                </c:pt>
                <c:pt idx="7526">
                  <c:v>6.4330999999999999E-2</c:v>
                </c:pt>
                <c:pt idx="7527">
                  <c:v>6.4323000000000005E-2</c:v>
                </c:pt>
                <c:pt idx="7528">
                  <c:v>6.4313999999999996E-2</c:v>
                </c:pt>
                <c:pt idx="7529">
                  <c:v>6.4306000000000002E-2</c:v>
                </c:pt>
                <c:pt idx="7530">
                  <c:v>6.4297999999999994E-2</c:v>
                </c:pt>
                <c:pt idx="7531">
                  <c:v>6.4288999999999999E-2</c:v>
                </c:pt>
                <c:pt idx="7532">
                  <c:v>6.4281000000000005E-2</c:v>
                </c:pt>
                <c:pt idx="7533">
                  <c:v>6.4271999999999996E-2</c:v>
                </c:pt>
                <c:pt idx="7534">
                  <c:v>6.4264000000000002E-2</c:v>
                </c:pt>
                <c:pt idx="7535">
                  <c:v>6.4255000000000007E-2</c:v>
                </c:pt>
                <c:pt idx="7536">
                  <c:v>6.4246999999999999E-2</c:v>
                </c:pt>
                <c:pt idx="7537">
                  <c:v>6.4238000000000003E-2</c:v>
                </c:pt>
                <c:pt idx="7538">
                  <c:v>6.4229999999999995E-2</c:v>
                </c:pt>
                <c:pt idx="7539">
                  <c:v>6.4221E-2</c:v>
                </c:pt>
                <c:pt idx="7540">
                  <c:v>6.4213000000000006E-2</c:v>
                </c:pt>
                <c:pt idx="7541">
                  <c:v>6.4203999999999997E-2</c:v>
                </c:pt>
                <c:pt idx="7542">
                  <c:v>6.4196000000000003E-2</c:v>
                </c:pt>
                <c:pt idx="7543">
                  <c:v>6.4186999999999994E-2</c:v>
                </c:pt>
                <c:pt idx="7544">
                  <c:v>6.4179E-2</c:v>
                </c:pt>
                <c:pt idx="7545">
                  <c:v>6.4170000000000005E-2</c:v>
                </c:pt>
                <c:pt idx="7546">
                  <c:v>6.4161999999999997E-2</c:v>
                </c:pt>
                <c:pt idx="7547">
                  <c:v>6.4154000000000003E-2</c:v>
                </c:pt>
                <c:pt idx="7548">
                  <c:v>6.4144999999999994E-2</c:v>
                </c:pt>
                <c:pt idx="7549">
                  <c:v>6.4137E-2</c:v>
                </c:pt>
                <c:pt idx="7550">
                  <c:v>6.4128000000000004E-2</c:v>
                </c:pt>
                <c:pt idx="7551">
                  <c:v>6.4119999999999996E-2</c:v>
                </c:pt>
                <c:pt idx="7552">
                  <c:v>6.4111000000000001E-2</c:v>
                </c:pt>
                <c:pt idx="7553">
                  <c:v>6.4102999999999993E-2</c:v>
                </c:pt>
                <c:pt idx="7554">
                  <c:v>6.4094999999999999E-2</c:v>
                </c:pt>
                <c:pt idx="7555">
                  <c:v>6.4086000000000004E-2</c:v>
                </c:pt>
                <c:pt idx="7556">
                  <c:v>6.4077999999999996E-2</c:v>
                </c:pt>
                <c:pt idx="7557">
                  <c:v>6.4069000000000001E-2</c:v>
                </c:pt>
                <c:pt idx="7558">
                  <c:v>6.4061000000000007E-2</c:v>
                </c:pt>
                <c:pt idx="7559">
                  <c:v>6.4051999999999998E-2</c:v>
                </c:pt>
                <c:pt idx="7560">
                  <c:v>6.4044000000000004E-2</c:v>
                </c:pt>
                <c:pt idx="7561">
                  <c:v>6.4035999999999996E-2</c:v>
                </c:pt>
                <c:pt idx="7562">
                  <c:v>6.4027000000000001E-2</c:v>
                </c:pt>
                <c:pt idx="7563">
                  <c:v>6.4019000000000006E-2</c:v>
                </c:pt>
                <c:pt idx="7564">
                  <c:v>6.4009999999999997E-2</c:v>
                </c:pt>
                <c:pt idx="7565">
                  <c:v>6.4002000000000003E-2</c:v>
                </c:pt>
                <c:pt idx="7566">
                  <c:v>6.3993999999999995E-2</c:v>
                </c:pt>
                <c:pt idx="7567">
                  <c:v>6.3985E-2</c:v>
                </c:pt>
                <c:pt idx="7568">
                  <c:v>6.3977000000000006E-2</c:v>
                </c:pt>
                <c:pt idx="7569">
                  <c:v>6.3967999999999997E-2</c:v>
                </c:pt>
                <c:pt idx="7570">
                  <c:v>6.3960000000000003E-2</c:v>
                </c:pt>
                <c:pt idx="7571">
                  <c:v>6.3951999999999995E-2</c:v>
                </c:pt>
                <c:pt idx="7572">
                  <c:v>6.3943E-2</c:v>
                </c:pt>
                <c:pt idx="7573">
                  <c:v>6.3935000000000006E-2</c:v>
                </c:pt>
                <c:pt idx="7574">
                  <c:v>6.3925999999999997E-2</c:v>
                </c:pt>
                <c:pt idx="7575">
                  <c:v>6.3918000000000003E-2</c:v>
                </c:pt>
                <c:pt idx="7576">
                  <c:v>6.3909999999999995E-2</c:v>
                </c:pt>
                <c:pt idx="7577">
                  <c:v>6.3900999999999999E-2</c:v>
                </c:pt>
                <c:pt idx="7578">
                  <c:v>6.3893000000000005E-2</c:v>
                </c:pt>
                <c:pt idx="7579">
                  <c:v>6.3883999999999996E-2</c:v>
                </c:pt>
                <c:pt idx="7580">
                  <c:v>6.3876000000000002E-2</c:v>
                </c:pt>
                <c:pt idx="7581">
                  <c:v>6.3867999999999994E-2</c:v>
                </c:pt>
                <c:pt idx="7582">
                  <c:v>6.3858999999999999E-2</c:v>
                </c:pt>
                <c:pt idx="7583">
                  <c:v>6.3851000000000005E-2</c:v>
                </c:pt>
                <c:pt idx="7584">
                  <c:v>6.3842999999999997E-2</c:v>
                </c:pt>
                <c:pt idx="7585">
                  <c:v>6.3834000000000002E-2</c:v>
                </c:pt>
                <c:pt idx="7586">
                  <c:v>6.3825999999999994E-2</c:v>
                </c:pt>
                <c:pt idx="7587">
                  <c:v>6.3818E-2</c:v>
                </c:pt>
                <c:pt idx="7588">
                  <c:v>6.3809000000000005E-2</c:v>
                </c:pt>
                <c:pt idx="7589">
                  <c:v>6.3800999999999997E-2</c:v>
                </c:pt>
                <c:pt idx="7590">
                  <c:v>6.3792000000000001E-2</c:v>
                </c:pt>
                <c:pt idx="7591">
                  <c:v>6.3783999999999993E-2</c:v>
                </c:pt>
                <c:pt idx="7592">
                  <c:v>6.3775999999999999E-2</c:v>
                </c:pt>
                <c:pt idx="7593">
                  <c:v>6.3767000000000004E-2</c:v>
                </c:pt>
                <c:pt idx="7594">
                  <c:v>6.3758999999999996E-2</c:v>
                </c:pt>
                <c:pt idx="7595">
                  <c:v>6.3751000000000002E-2</c:v>
                </c:pt>
                <c:pt idx="7596">
                  <c:v>6.3741999999999993E-2</c:v>
                </c:pt>
                <c:pt idx="7597">
                  <c:v>6.3733999999999999E-2</c:v>
                </c:pt>
                <c:pt idx="7598">
                  <c:v>6.3726000000000005E-2</c:v>
                </c:pt>
                <c:pt idx="7599">
                  <c:v>6.3716999999999996E-2</c:v>
                </c:pt>
                <c:pt idx="7600">
                  <c:v>6.3709000000000002E-2</c:v>
                </c:pt>
                <c:pt idx="7601">
                  <c:v>6.3700999999999994E-2</c:v>
                </c:pt>
                <c:pt idx="7602">
                  <c:v>6.3691999999999999E-2</c:v>
                </c:pt>
                <c:pt idx="7603">
                  <c:v>6.3684000000000004E-2</c:v>
                </c:pt>
                <c:pt idx="7604">
                  <c:v>6.3675999999999996E-2</c:v>
                </c:pt>
                <c:pt idx="7605">
                  <c:v>6.3667000000000001E-2</c:v>
                </c:pt>
                <c:pt idx="7606">
                  <c:v>6.3658999999999993E-2</c:v>
                </c:pt>
                <c:pt idx="7607">
                  <c:v>6.3650999999999999E-2</c:v>
                </c:pt>
                <c:pt idx="7608">
                  <c:v>6.3642000000000004E-2</c:v>
                </c:pt>
                <c:pt idx="7609">
                  <c:v>6.3633999999999996E-2</c:v>
                </c:pt>
                <c:pt idx="7610">
                  <c:v>6.3626000000000002E-2</c:v>
                </c:pt>
                <c:pt idx="7611">
                  <c:v>6.3617999999999994E-2</c:v>
                </c:pt>
                <c:pt idx="7612">
                  <c:v>6.3608999999999999E-2</c:v>
                </c:pt>
                <c:pt idx="7613">
                  <c:v>6.3601000000000005E-2</c:v>
                </c:pt>
                <c:pt idx="7614">
                  <c:v>6.3592999999999997E-2</c:v>
                </c:pt>
                <c:pt idx="7615">
                  <c:v>6.3584000000000002E-2</c:v>
                </c:pt>
                <c:pt idx="7616">
                  <c:v>6.3575999999999994E-2</c:v>
                </c:pt>
                <c:pt idx="7617">
                  <c:v>6.3568E-2</c:v>
                </c:pt>
                <c:pt idx="7618">
                  <c:v>6.3559000000000004E-2</c:v>
                </c:pt>
                <c:pt idx="7619">
                  <c:v>6.3550999999999996E-2</c:v>
                </c:pt>
                <c:pt idx="7620">
                  <c:v>6.3543000000000002E-2</c:v>
                </c:pt>
                <c:pt idx="7621">
                  <c:v>6.3534999999999994E-2</c:v>
                </c:pt>
                <c:pt idx="7622">
                  <c:v>6.3525999999999999E-2</c:v>
                </c:pt>
                <c:pt idx="7623">
                  <c:v>6.3518000000000005E-2</c:v>
                </c:pt>
                <c:pt idx="7624">
                  <c:v>6.3509999999999997E-2</c:v>
                </c:pt>
                <c:pt idx="7625">
                  <c:v>6.3501000000000002E-2</c:v>
                </c:pt>
                <c:pt idx="7626">
                  <c:v>6.3492999999999994E-2</c:v>
                </c:pt>
                <c:pt idx="7627">
                  <c:v>6.3485E-2</c:v>
                </c:pt>
                <c:pt idx="7628">
                  <c:v>6.3477000000000006E-2</c:v>
                </c:pt>
                <c:pt idx="7629">
                  <c:v>6.3467999999999997E-2</c:v>
                </c:pt>
                <c:pt idx="7630">
                  <c:v>6.3460000000000003E-2</c:v>
                </c:pt>
                <c:pt idx="7631">
                  <c:v>6.3451999999999995E-2</c:v>
                </c:pt>
                <c:pt idx="7632">
                  <c:v>6.3444E-2</c:v>
                </c:pt>
                <c:pt idx="7633">
                  <c:v>6.3435000000000005E-2</c:v>
                </c:pt>
                <c:pt idx="7634">
                  <c:v>6.3426999999999997E-2</c:v>
                </c:pt>
                <c:pt idx="7635">
                  <c:v>6.3419000000000003E-2</c:v>
                </c:pt>
                <c:pt idx="7636">
                  <c:v>6.3410999999999995E-2</c:v>
                </c:pt>
                <c:pt idx="7637">
                  <c:v>6.3402E-2</c:v>
                </c:pt>
                <c:pt idx="7638">
                  <c:v>6.3394000000000006E-2</c:v>
                </c:pt>
                <c:pt idx="7639">
                  <c:v>6.3385999999999998E-2</c:v>
                </c:pt>
                <c:pt idx="7640">
                  <c:v>6.3378000000000004E-2</c:v>
                </c:pt>
                <c:pt idx="7641">
                  <c:v>6.3368999999999995E-2</c:v>
                </c:pt>
                <c:pt idx="7642">
                  <c:v>6.3361000000000001E-2</c:v>
                </c:pt>
                <c:pt idx="7643">
                  <c:v>6.3353000000000007E-2</c:v>
                </c:pt>
                <c:pt idx="7644">
                  <c:v>6.3344999999999999E-2</c:v>
                </c:pt>
                <c:pt idx="7645">
                  <c:v>6.3336000000000003E-2</c:v>
                </c:pt>
                <c:pt idx="7646">
                  <c:v>6.3327999999999995E-2</c:v>
                </c:pt>
                <c:pt idx="7647">
                  <c:v>6.3320000000000001E-2</c:v>
                </c:pt>
                <c:pt idx="7648">
                  <c:v>6.3311999999999993E-2</c:v>
                </c:pt>
                <c:pt idx="7649">
                  <c:v>6.3302999999999998E-2</c:v>
                </c:pt>
                <c:pt idx="7650">
                  <c:v>6.3295000000000004E-2</c:v>
                </c:pt>
                <c:pt idx="7651">
                  <c:v>6.3286999999999996E-2</c:v>
                </c:pt>
                <c:pt idx="7652">
                  <c:v>6.3279000000000002E-2</c:v>
                </c:pt>
                <c:pt idx="7653">
                  <c:v>6.3270999999999994E-2</c:v>
                </c:pt>
                <c:pt idx="7654">
                  <c:v>6.3261999999999999E-2</c:v>
                </c:pt>
                <c:pt idx="7655">
                  <c:v>6.3254000000000005E-2</c:v>
                </c:pt>
                <c:pt idx="7656">
                  <c:v>6.3245999999999997E-2</c:v>
                </c:pt>
                <c:pt idx="7657">
                  <c:v>6.3238000000000003E-2</c:v>
                </c:pt>
                <c:pt idx="7658">
                  <c:v>6.3229999999999995E-2</c:v>
                </c:pt>
                <c:pt idx="7659">
                  <c:v>6.3220999999999999E-2</c:v>
                </c:pt>
                <c:pt idx="7660">
                  <c:v>6.3213000000000005E-2</c:v>
                </c:pt>
                <c:pt idx="7661">
                  <c:v>6.3204999999999997E-2</c:v>
                </c:pt>
                <c:pt idx="7662">
                  <c:v>6.3197000000000003E-2</c:v>
                </c:pt>
                <c:pt idx="7663">
                  <c:v>6.3188999999999995E-2</c:v>
                </c:pt>
                <c:pt idx="7664">
                  <c:v>6.318E-2</c:v>
                </c:pt>
                <c:pt idx="7665">
                  <c:v>6.3172000000000006E-2</c:v>
                </c:pt>
                <c:pt idx="7666">
                  <c:v>6.3163999999999998E-2</c:v>
                </c:pt>
                <c:pt idx="7667">
                  <c:v>6.3156000000000004E-2</c:v>
                </c:pt>
                <c:pt idx="7668">
                  <c:v>6.3147999999999996E-2</c:v>
                </c:pt>
                <c:pt idx="7669">
                  <c:v>6.3139000000000001E-2</c:v>
                </c:pt>
                <c:pt idx="7670">
                  <c:v>6.3131000000000007E-2</c:v>
                </c:pt>
                <c:pt idx="7671">
                  <c:v>6.3122999999999999E-2</c:v>
                </c:pt>
                <c:pt idx="7672">
                  <c:v>6.3115000000000004E-2</c:v>
                </c:pt>
                <c:pt idx="7673">
                  <c:v>6.3106999999999996E-2</c:v>
                </c:pt>
                <c:pt idx="7674">
                  <c:v>6.3099000000000002E-2</c:v>
                </c:pt>
                <c:pt idx="7675">
                  <c:v>6.3089999999999993E-2</c:v>
                </c:pt>
                <c:pt idx="7676">
                  <c:v>6.3081999999999999E-2</c:v>
                </c:pt>
                <c:pt idx="7677">
                  <c:v>6.3074000000000005E-2</c:v>
                </c:pt>
                <c:pt idx="7678">
                  <c:v>6.3065999999999997E-2</c:v>
                </c:pt>
                <c:pt idx="7679">
                  <c:v>6.3058000000000003E-2</c:v>
                </c:pt>
                <c:pt idx="7680">
                  <c:v>6.3049999999999995E-2</c:v>
                </c:pt>
                <c:pt idx="7681">
                  <c:v>6.3041E-2</c:v>
                </c:pt>
                <c:pt idx="7682">
                  <c:v>6.3033000000000006E-2</c:v>
                </c:pt>
                <c:pt idx="7683">
                  <c:v>6.3024999999999998E-2</c:v>
                </c:pt>
                <c:pt idx="7684">
                  <c:v>6.3017000000000004E-2</c:v>
                </c:pt>
                <c:pt idx="7685">
                  <c:v>6.3008999999999996E-2</c:v>
                </c:pt>
                <c:pt idx="7686">
                  <c:v>6.3001000000000001E-2</c:v>
                </c:pt>
                <c:pt idx="7687">
                  <c:v>6.2992000000000006E-2</c:v>
                </c:pt>
                <c:pt idx="7688">
                  <c:v>6.2983999999999998E-2</c:v>
                </c:pt>
                <c:pt idx="7689">
                  <c:v>6.2976000000000004E-2</c:v>
                </c:pt>
                <c:pt idx="7690">
                  <c:v>6.2967999999999996E-2</c:v>
                </c:pt>
                <c:pt idx="7691">
                  <c:v>6.2960000000000002E-2</c:v>
                </c:pt>
                <c:pt idx="7692">
                  <c:v>6.2951999999999994E-2</c:v>
                </c:pt>
                <c:pt idx="7693">
                  <c:v>6.2944E-2</c:v>
                </c:pt>
                <c:pt idx="7694">
                  <c:v>6.2936000000000006E-2</c:v>
                </c:pt>
                <c:pt idx="7695">
                  <c:v>6.2926999999999997E-2</c:v>
                </c:pt>
                <c:pt idx="7696">
                  <c:v>6.2919000000000003E-2</c:v>
                </c:pt>
                <c:pt idx="7697">
                  <c:v>6.2910999999999995E-2</c:v>
                </c:pt>
                <c:pt idx="7698">
                  <c:v>6.2903000000000001E-2</c:v>
                </c:pt>
                <c:pt idx="7699">
                  <c:v>6.2895000000000006E-2</c:v>
                </c:pt>
                <c:pt idx="7700">
                  <c:v>6.2886999999999998E-2</c:v>
                </c:pt>
                <c:pt idx="7701">
                  <c:v>6.2879000000000004E-2</c:v>
                </c:pt>
                <c:pt idx="7702">
                  <c:v>6.2870999999999996E-2</c:v>
                </c:pt>
                <c:pt idx="7703">
                  <c:v>6.2862000000000001E-2</c:v>
                </c:pt>
                <c:pt idx="7704">
                  <c:v>6.2853999999999993E-2</c:v>
                </c:pt>
                <c:pt idx="7705">
                  <c:v>6.2845999999999999E-2</c:v>
                </c:pt>
                <c:pt idx="7706">
                  <c:v>6.2838000000000005E-2</c:v>
                </c:pt>
                <c:pt idx="7707">
                  <c:v>6.2829999999999997E-2</c:v>
                </c:pt>
                <c:pt idx="7708">
                  <c:v>6.2822000000000003E-2</c:v>
                </c:pt>
                <c:pt idx="7709">
                  <c:v>6.2813999999999995E-2</c:v>
                </c:pt>
                <c:pt idx="7710">
                  <c:v>6.2806000000000001E-2</c:v>
                </c:pt>
                <c:pt idx="7711">
                  <c:v>6.2798000000000007E-2</c:v>
                </c:pt>
                <c:pt idx="7712">
                  <c:v>6.2789999999999999E-2</c:v>
                </c:pt>
                <c:pt idx="7713">
                  <c:v>6.2781000000000003E-2</c:v>
                </c:pt>
                <c:pt idx="7714">
                  <c:v>6.2772999999999995E-2</c:v>
                </c:pt>
                <c:pt idx="7715">
                  <c:v>6.2765000000000001E-2</c:v>
                </c:pt>
                <c:pt idx="7716">
                  <c:v>6.2756999999999993E-2</c:v>
                </c:pt>
                <c:pt idx="7717">
                  <c:v>6.2748999999999999E-2</c:v>
                </c:pt>
                <c:pt idx="7718">
                  <c:v>6.2741000000000005E-2</c:v>
                </c:pt>
                <c:pt idx="7719">
                  <c:v>6.2732999999999997E-2</c:v>
                </c:pt>
                <c:pt idx="7720">
                  <c:v>6.2725000000000003E-2</c:v>
                </c:pt>
                <c:pt idx="7721">
                  <c:v>6.2716999999999995E-2</c:v>
                </c:pt>
                <c:pt idx="7722">
                  <c:v>6.2709000000000001E-2</c:v>
                </c:pt>
                <c:pt idx="7723">
                  <c:v>6.2701000000000007E-2</c:v>
                </c:pt>
                <c:pt idx="7724">
                  <c:v>6.2692999999999999E-2</c:v>
                </c:pt>
                <c:pt idx="7725">
                  <c:v>6.2685000000000005E-2</c:v>
                </c:pt>
                <c:pt idx="7726">
                  <c:v>6.2676999999999997E-2</c:v>
                </c:pt>
                <c:pt idx="7727">
                  <c:v>6.2668000000000001E-2</c:v>
                </c:pt>
                <c:pt idx="7728">
                  <c:v>6.2659999999999993E-2</c:v>
                </c:pt>
                <c:pt idx="7729">
                  <c:v>6.2651999999999999E-2</c:v>
                </c:pt>
                <c:pt idx="7730">
                  <c:v>6.2644000000000005E-2</c:v>
                </c:pt>
                <c:pt idx="7731">
                  <c:v>6.2635999999999997E-2</c:v>
                </c:pt>
                <c:pt idx="7732">
                  <c:v>6.2628000000000003E-2</c:v>
                </c:pt>
                <c:pt idx="7733">
                  <c:v>6.2619999999999995E-2</c:v>
                </c:pt>
                <c:pt idx="7734">
                  <c:v>6.2612000000000001E-2</c:v>
                </c:pt>
                <c:pt idx="7735">
                  <c:v>6.2604000000000007E-2</c:v>
                </c:pt>
                <c:pt idx="7736">
                  <c:v>6.2595999999999999E-2</c:v>
                </c:pt>
                <c:pt idx="7737">
                  <c:v>6.2588000000000005E-2</c:v>
                </c:pt>
                <c:pt idx="7738">
                  <c:v>6.2579999999999997E-2</c:v>
                </c:pt>
                <c:pt idx="7739">
                  <c:v>6.2572000000000003E-2</c:v>
                </c:pt>
                <c:pt idx="7740">
                  <c:v>6.2563999999999995E-2</c:v>
                </c:pt>
                <c:pt idx="7741">
                  <c:v>6.2556E-2</c:v>
                </c:pt>
                <c:pt idx="7742">
                  <c:v>6.2548000000000006E-2</c:v>
                </c:pt>
                <c:pt idx="7743">
                  <c:v>6.2539999999999998E-2</c:v>
                </c:pt>
                <c:pt idx="7744">
                  <c:v>6.2532000000000004E-2</c:v>
                </c:pt>
                <c:pt idx="7745">
                  <c:v>6.2523999999999996E-2</c:v>
                </c:pt>
                <c:pt idx="7746">
                  <c:v>6.2516000000000002E-2</c:v>
                </c:pt>
                <c:pt idx="7747">
                  <c:v>6.2507999999999994E-2</c:v>
                </c:pt>
                <c:pt idx="7748">
                  <c:v>6.25E-2</c:v>
                </c:pt>
                <c:pt idx="7749">
                  <c:v>6.2491999999999999E-2</c:v>
                </c:pt>
                <c:pt idx="7750">
                  <c:v>6.2483999999999998E-2</c:v>
                </c:pt>
                <c:pt idx="7751">
                  <c:v>6.2475999999999997E-2</c:v>
                </c:pt>
                <c:pt idx="7752">
                  <c:v>6.2468000000000003E-2</c:v>
                </c:pt>
                <c:pt idx="7753">
                  <c:v>6.2460000000000002E-2</c:v>
                </c:pt>
                <c:pt idx="7754">
                  <c:v>6.2452000000000001E-2</c:v>
                </c:pt>
                <c:pt idx="7755">
                  <c:v>6.2444E-2</c:v>
                </c:pt>
                <c:pt idx="7756">
                  <c:v>6.2435999999999998E-2</c:v>
                </c:pt>
                <c:pt idx="7757">
                  <c:v>6.2427999999999997E-2</c:v>
                </c:pt>
                <c:pt idx="7758">
                  <c:v>6.2420000000000003E-2</c:v>
                </c:pt>
                <c:pt idx="7759">
                  <c:v>6.2412000000000002E-2</c:v>
                </c:pt>
                <c:pt idx="7760">
                  <c:v>6.2404000000000001E-2</c:v>
                </c:pt>
                <c:pt idx="7761">
                  <c:v>6.2396E-2</c:v>
                </c:pt>
                <c:pt idx="7762">
                  <c:v>6.2387999999999999E-2</c:v>
                </c:pt>
                <c:pt idx="7763">
                  <c:v>6.2379999999999998E-2</c:v>
                </c:pt>
                <c:pt idx="7764">
                  <c:v>6.2371999999999997E-2</c:v>
                </c:pt>
                <c:pt idx="7765">
                  <c:v>6.2364000000000003E-2</c:v>
                </c:pt>
                <c:pt idx="7766">
                  <c:v>6.2356000000000002E-2</c:v>
                </c:pt>
                <c:pt idx="7767">
                  <c:v>6.2348000000000001E-2</c:v>
                </c:pt>
                <c:pt idx="7768">
                  <c:v>6.234E-2</c:v>
                </c:pt>
                <c:pt idx="7769">
                  <c:v>6.2331999999999999E-2</c:v>
                </c:pt>
                <c:pt idx="7770">
                  <c:v>6.2323999999999997E-2</c:v>
                </c:pt>
                <c:pt idx="7771">
                  <c:v>6.2316000000000003E-2</c:v>
                </c:pt>
                <c:pt idx="7772">
                  <c:v>6.2308000000000002E-2</c:v>
                </c:pt>
                <c:pt idx="7773">
                  <c:v>6.2300000000000001E-2</c:v>
                </c:pt>
                <c:pt idx="7774">
                  <c:v>6.2292E-2</c:v>
                </c:pt>
                <c:pt idx="7775">
                  <c:v>6.2283999999999999E-2</c:v>
                </c:pt>
                <c:pt idx="7776">
                  <c:v>6.2275999999999998E-2</c:v>
                </c:pt>
                <c:pt idx="7777">
                  <c:v>6.2267999999999997E-2</c:v>
                </c:pt>
                <c:pt idx="7778">
                  <c:v>6.2260000000000003E-2</c:v>
                </c:pt>
                <c:pt idx="7779">
                  <c:v>6.2252000000000002E-2</c:v>
                </c:pt>
                <c:pt idx="7780">
                  <c:v>6.2244000000000001E-2</c:v>
                </c:pt>
                <c:pt idx="7781">
                  <c:v>6.2236E-2</c:v>
                </c:pt>
                <c:pt idx="7782">
                  <c:v>6.2227999999999999E-2</c:v>
                </c:pt>
                <c:pt idx="7783">
                  <c:v>6.2219999999999998E-2</c:v>
                </c:pt>
                <c:pt idx="7784">
                  <c:v>6.2212000000000003E-2</c:v>
                </c:pt>
                <c:pt idx="7785">
                  <c:v>6.2204000000000002E-2</c:v>
                </c:pt>
                <c:pt idx="7786">
                  <c:v>6.2197000000000002E-2</c:v>
                </c:pt>
                <c:pt idx="7787">
                  <c:v>6.2189000000000001E-2</c:v>
                </c:pt>
                <c:pt idx="7788">
                  <c:v>6.2181E-2</c:v>
                </c:pt>
                <c:pt idx="7789">
                  <c:v>6.2172999999999999E-2</c:v>
                </c:pt>
                <c:pt idx="7790">
                  <c:v>6.2164999999999998E-2</c:v>
                </c:pt>
                <c:pt idx="7791">
                  <c:v>6.2156999999999997E-2</c:v>
                </c:pt>
                <c:pt idx="7792">
                  <c:v>6.2149000000000003E-2</c:v>
                </c:pt>
                <c:pt idx="7793">
                  <c:v>6.2141000000000002E-2</c:v>
                </c:pt>
                <c:pt idx="7794">
                  <c:v>6.2133000000000001E-2</c:v>
                </c:pt>
                <c:pt idx="7795">
                  <c:v>6.2125E-2</c:v>
                </c:pt>
                <c:pt idx="7796">
                  <c:v>6.2116999999999999E-2</c:v>
                </c:pt>
                <c:pt idx="7797">
                  <c:v>6.2108999999999998E-2</c:v>
                </c:pt>
                <c:pt idx="7798">
                  <c:v>6.2101000000000003E-2</c:v>
                </c:pt>
                <c:pt idx="7799">
                  <c:v>6.2093000000000002E-2</c:v>
                </c:pt>
                <c:pt idx="7800">
                  <c:v>6.2086000000000002E-2</c:v>
                </c:pt>
                <c:pt idx="7801">
                  <c:v>6.2078000000000001E-2</c:v>
                </c:pt>
                <c:pt idx="7802">
                  <c:v>6.207E-2</c:v>
                </c:pt>
                <c:pt idx="7803">
                  <c:v>6.2061999999999999E-2</c:v>
                </c:pt>
                <c:pt idx="7804">
                  <c:v>6.2053999999999998E-2</c:v>
                </c:pt>
                <c:pt idx="7805">
                  <c:v>6.2045999999999997E-2</c:v>
                </c:pt>
                <c:pt idx="7806">
                  <c:v>6.2038000000000003E-2</c:v>
                </c:pt>
                <c:pt idx="7807">
                  <c:v>6.2030000000000002E-2</c:v>
                </c:pt>
                <c:pt idx="7808">
                  <c:v>6.2022000000000001E-2</c:v>
                </c:pt>
                <c:pt idx="7809">
                  <c:v>6.2014E-2</c:v>
                </c:pt>
                <c:pt idx="7810">
                  <c:v>6.2007E-2</c:v>
                </c:pt>
                <c:pt idx="7811">
                  <c:v>6.1998999999999999E-2</c:v>
                </c:pt>
                <c:pt idx="7812">
                  <c:v>6.1990999999999997E-2</c:v>
                </c:pt>
                <c:pt idx="7813">
                  <c:v>6.1983000000000003E-2</c:v>
                </c:pt>
                <c:pt idx="7814">
                  <c:v>6.1975000000000002E-2</c:v>
                </c:pt>
                <c:pt idx="7815">
                  <c:v>6.1967000000000001E-2</c:v>
                </c:pt>
                <c:pt idx="7816">
                  <c:v>6.1959E-2</c:v>
                </c:pt>
                <c:pt idx="7817">
                  <c:v>6.1950999999999999E-2</c:v>
                </c:pt>
                <c:pt idx="7818">
                  <c:v>6.1943999999999999E-2</c:v>
                </c:pt>
                <c:pt idx="7819">
                  <c:v>6.1935999999999998E-2</c:v>
                </c:pt>
                <c:pt idx="7820">
                  <c:v>6.1927999999999997E-2</c:v>
                </c:pt>
                <c:pt idx="7821">
                  <c:v>6.1920000000000003E-2</c:v>
                </c:pt>
                <c:pt idx="7822">
                  <c:v>6.1912000000000002E-2</c:v>
                </c:pt>
                <c:pt idx="7823">
                  <c:v>6.1904000000000001E-2</c:v>
                </c:pt>
                <c:pt idx="7824">
                  <c:v>6.1896E-2</c:v>
                </c:pt>
                <c:pt idx="7825">
                  <c:v>6.1887999999999999E-2</c:v>
                </c:pt>
                <c:pt idx="7826">
                  <c:v>6.1880999999999999E-2</c:v>
                </c:pt>
                <c:pt idx="7827">
                  <c:v>6.1872999999999997E-2</c:v>
                </c:pt>
                <c:pt idx="7828">
                  <c:v>6.1865000000000003E-2</c:v>
                </c:pt>
                <c:pt idx="7829">
                  <c:v>6.1857000000000002E-2</c:v>
                </c:pt>
                <c:pt idx="7830">
                  <c:v>6.1849000000000001E-2</c:v>
                </c:pt>
                <c:pt idx="7831">
                  <c:v>6.1841E-2</c:v>
                </c:pt>
                <c:pt idx="7832">
                  <c:v>6.1832999999999999E-2</c:v>
                </c:pt>
                <c:pt idx="7833">
                  <c:v>6.1825999999999999E-2</c:v>
                </c:pt>
                <c:pt idx="7834">
                  <c:v>6.1817999999999998E-2</c:v>
                </c:pt>
                <c:pt idx="7835">
                  <c:v>6.1809999999999997E-2</c:v>
                </c:pt>
                <c:pt idx="7836">
                  <c:v>6.1802000000000003E-2</c:v>
                </c:pt>
                <c:pt idx="7837">
                  <c:v>6.1794000000000002E-2</c:v>
                </c:pt>
                <c:pt idx="7838">
                  <c:v>6.1786000000000001E-2</c:v>
                </c:pt>
                <c:pt idx="7839">
                  <c:v>6.1779000000000001E-2</c:v>
                </c:pt>
                <c:pt idx="7840">
                  <c:v>6.1771E-2</c:v>
                </c:pt>
                <c:pt idx="7841">
                  <c:v>6.1762999999999998E-2</c:v>
                </c:pt>
                <c:pt idx="7842">
                  <c:v>6.1754999999999997E-2</c:v>
                </c:pt>
                <c:pt idx="7843">
                  <c:v>6.1747000000000003E-2</c:v>
                </c:pt>
                <c:pt idx="7844">
                  <c:v>6.1739000000000002E-2</c:v>
                </c:pt>
                <c:pt idx="7845">
                  <c:v>6.1732000000000002E-2</c:v>
                </c:pt>
                <c:pt idx="7846">
                  <c:v>6.1724000000000001E-2</c:v>
                </c:pt>
                <c:pt idx="7847">
                  <c:v>6.1716E-2</c:v>
                </c:pt>
                <c:pt idx="7848">
                  <c:v>6.1707999999999999E-2</c:v>
                </c:pt>
                <c:pt idx="7849">
                  <c:v>6.1699999999999998E-2</c:v>
                </c:pt>
                <c:pt idx="7850">
                  <c:v>6.1692999999999998E-2</c:v>
                </c:pt>
                <c:pt idx="7851">
                  <c:v>6.1684999999999997E-2</c:v>
                </c:pt>
                <c:pt idx="7852">
                  <c:v>6.1677000000000003E-2</c:v>
                </c:pt>
                <c:pt idx="7853">
                  <c:v>6.1669000000000002E-2</c:v>
                </c:pt>
                <c:pt idx="7854">
                  <c:v>6.1661000000000001E-2</c:v>
                </c:pt>
                <c:pt idx="7855">
                  <c:v>6.1654E-2</c:v>
                </c:pt>
                <c:pt idx="7856">
                  <c:v>6.1645999999999999E-2</c:v>
                </c:pt>
                <c:pt idx="7857">
                  <c:v>6.1637999999999998E-2</c:v>
                </c:pt>
                <c:pt idx="7858">
                  <c:v>6.1629999999999997E-2</c:v>
                </c:pt>
                <c:pt idx="7859">
                  <c:v>6.1622000000000003E-2</c:v>
                </c:pt>
                <c:pt idx="7860">
                  <c:v>6.1615000000000003E-2</c:v>
                </c:pt>
                <c:pt idx="7861">
                  <c:v>6.1607000000000002E-2</c:v>
                </c:pt>
                <c:pt idx="7862">
                  <c:v>6.1599000000000001E-2</c:v>
                </c:pt>
                <c:pt idx="7863">
                  <c:v>6.1591E-2</c:v>
                </c:pt>
                <c:pt idx="7864">
                  <c:v>6.1582999999999999E-2</c:v>
                </c:pt>
                <c:pt idx="7865">
                  <c:v>6.1575999999999999E-2</c:v>
                </c:pt>
                <c:pt idx="7866">
                  <c:v>6.1567999999999998E-2</c:v>
                </c:pt>
                <c:pt idx="7867">
                  <c:v>6.1559999999999997E-2</c:v>
                </c:pt>
                <c:pt idx="7868">
                  <c:v>6.1552000000000003E-2</c:v>
                </c:pt>
                <c:pt idx="7869">
                  <c:v>6.1545000000000002E-2</c:v>
                </c:pt>
                <c:pt idx="7870">
                  <c:v>6.1537000000000001E-2</c:v>
                </c:pt>
                <c:pt idx="7871">
                  <c:v>6.1529E-2</c:v>
                </c:pt>
                <c:pt idx="7872">
                  <c:v>6.1520999999999999E-2</c:v>
                </c:pt>
                <c:pt idx="7873">
                  <c:v>6.1512999999999998E-2</c:v>
                </c:pt>
                <c:pt idx="7874">
                  <c:v>6.1505999999999998E-2</c:v>
                </c:pt>
                <c:pt idx="7875">
                  <c:v>6.1497999999999997E-2</c:v>
                </c:pt>
                <c:pt idx="7876">
                  <c:v>6.1490000000000003E-2</c:v>
                </c:pt>
                <c:pt idx="7877">
                  <c:v>6.1482000000000002E-2</c:v>
                </c:pt>
                <c:pt idx="7878">
                  <c:v>6.1475000000000002E-2</c:v>
                </c:pt>
                <c:pt idx="7879">
                  <c:v>6.1467000000000001E-2</c:v>
                </c:pt>
                <c:pt idx="7880">
                  <c:v>6.1459E-2</c:v>
                </c:pt>
                <c:pt idx="7881">
                  <c:v>6.1450999999999999E-2</c:v>
                </c:pt>
                <c:pt idx="7882">
                  <c:v>6.1443999999999999E-2</c:v>
                </c:pt>
                <c:pt idx="7883">
                  <c:v>6.1435999999999998E-2</c:v>
                </c:pt>
                <c:pt idx="7884">
                  <c:v>6.1428000000000003E-2</c:v>
                </c:pt>
                <c:pt idx="7885">
                  <c:v>6.1420000000000002E-2</c:v>
                </c:pt>
                <c:pt idx="7886">
                  <c:v>6.1413000000000002E-2</c:v>
                </c:pt>
                <c:pt idx="7887">
                  <c:v>6.1405000000000001E-2</c:v>
                </c:pt>
                <c:pt idx="7888">
                  <c:v>6.1397E-2</c:v>
                </c:pt>
                <c:pt idx="7889">
                  <c:v>6.1388999999999999E-2</c:v>
                </c:pt>
                <c:pt idx="7890">
                  <c:v>6.1381999999999999E-2</c:v>
                </c:pt>
                <c:pt idx="7891">
                  <c:v>6.1373999999999998E-2</c:v>
                </c:pt>
                <c:pt idx="7892">
                  <c:v>6.1365999999999997E-2</c:v>
                </c:pt>
                <c:pt idx="7893">
                  <c:v>6.1358999999999997E-2</c:v>
                </c:pt>
                <c:pt idx="7894">
                  <c:v>6.1351000000000003E-2</c:v>
                </c:pt>
                <c:pt idx="7895">
                  <c:v>6.1343000000000002E-2</c:v>
                </c:pt>
                <c:pt idx="7896">
                  <c:v>6.1335000000000001E-2</c:v>
                </c:pt>
                <c:pt idx="7897">
                  <c:v>6.1328000000000001E-2</c:v>
                </c:pt>
                <c:pt idx="7898">
                  <c:v>6.132E-2</c:v>
                </c:pt>
                <c:pt idx="7899">
                  <c:v>6.1311999999999998E-2</c:v>
                </c:pt>
                <c:pt idx="7900">
                  <c:v>6.1304999999999998E-2</c:v>
                </c:pt>
                <c:pt idx="7901">
                  <c:v>6.1296999999999997E-2</c:v>
                </c:pt>
                <c:pt idx="7902">
                  <c:v>6.1289000000000003E-2</c:v>
                </c:pt>
                <c:pt idx="7903">
                  <c:v>6.1281000000000002E-2</c:v>
                </c:pt>
                <c:pt idx="7904">
                  <c:v>6.1274000000000002E-2</c:v>
                </c:pt>
                <c:pt idx="7905">
                  <c:v>6.1266000000000001E-2</c:v>
                </c:pt>
                <c:pt idx="7906">
                  <c:v>6.1258E-2</c:v>
                </c:pt>
                <c:pt idx="7907">
                  <c:v>6.1251E-2</c:v>
                </c:pt>
                <c:pt idx="7908">
                  <c:v>6.1242999999999999E-2</c:v>
                </c:pt>
                <c:pt idx="7909">
                  <c:v>6.1234999999999998E-2</c:v>
                </c:pt>
                <c:pt idx="7910">
                  <c:v>6.1226999999999997E-2</c:v>
                </c:pt>
                <c:pt idx="7911">
                  <c:v>6.1219999999999997E-2</c:v>
                </c:pt>
                <c:pt idx="7912">
                  <c:v>6.1212000000000003E-2</c:v>
                </c:pt>
                <c:pt idx="7913">
                  <c:v>6.1204000000000001E-2</c:v>
                </c:pt>
                <c:pt idx="7914">
                  <c:v>6.1197000000000001E-2</c:v>
                </c:pt>
                <c:pt idx="7915">
                  <c:v>6.1189E-2</c:v>
                </c:pt>
                <c:pt idx="7916">
                  <c:v>6.1180999999999999E-2</c:v>
                </c:pt>
                <c:pt idx="7917">
                  <c:v>6.1173999999999999E-2</c:v>
                </c:pt>
                <c:pt idx="7918">
                  <c:v>6.1165999999999998E-2</c:v>
                </c:pt>
                <c:pt idx="7919">
                  <c:v>6.1157999999999997E-2</c:v>
                </c:pt>
                <c:pt idx="7920">
                  <c:v>6.1150999999999997E-2</c:v>
                </c:pt>
                <c:pt idx="7921">
                  <c:v>6.1143000000000003E-2</c:v>
                </c:pt>
                <c:pt idx="7922">
                  <c:v>6.1135000000000002E-2</c:v>
                </c:pt>
                <c:pt idx="7923">
                  <c:v>6.1128000000000002E-2</c:v>
                </c:pt>
                <c:pt idx="7924">
                  <c:v>6.1120000000000001E-2</c:v>
                </c:pt>
                <c:pt idx="7925">
                  <c:v>6.1112E-2</c:v>
                </c:pt>
                <c:pt idx="7926">
                  <c:v>6.1105E-2</c:v>
                </c:pt>
                <c:pt idx="7927">
                  <c:v>6.1096999999999999E-2</c:v>
                </c:pt>
                <c:pt idx="7928">
                  <c:v>6.1088999999999997E-2</c:v>
                </c:pt>
                <c:pt idx="7929">
                  <c:v>6.1081999999999997E-2</c:v>
                </c:pt>
                <c:pt idx="7930">
                  <c:v>6.1074000000000003E-2</c:v>
                </c:pt>
                <c:pt idx="7931">
                  <c:v>6.1066000000000002E-2</c:v>
                </c:pt>
                <c:pt idx="7932">
                  <c:v>6.1059000000000002E-2</c:v>
                </c:pt>
                <c:pt idx="7933">
                  <c:v>6.1051000000000001E-2</c:v>
                </c:pt>
                <c:pt idx="7934">
                  <c:v>6.1043E-2</c:v>
                </c:pt>
                <c:pt idx="7935">
                  <c:v>6.1036E-2</c:v>
                </c:pt>
                <c:pt idx="7936">
                  <c:v>6.1027999999999999E-2</c:v>
                </c:pt>
                <c:pt idx="7937">
                  <c:v>6.1019999999999998E-2</c:v>
                </c:pt>
                <c:pt idx="7938">
                  <c:v>6.1012999999999998E-2</c:v>
                </c:pt>
                <c:pt idx="7939">
                  <c:v>6.1004999999999997E-2</c:v>
                </c:pt>
                <c:pt idx="7940">
                  <c:v>6.0997999999999997E-2</c:v>
                </c:pt>
                <c:pt idx="7941">
                  <c:v>6.0990000000000003E-2</c:v>
                </c:pt>
                <c:pt idx="7942">
                  <c:v>6.0982000000000001E-2</c:v>
                </c:pt>
                <c:pt idx="7943">
                  <c:v>6.0975000000000001E-2</c:v>
                </c:pt>
                <c:pt idx="7944">
                  <c:v>6.0967E-2</c:v>
                </c:pt>
                <c:pt idx="7945">
                  <c:v>6.0958999999999999E-2</c:v>
                </c:pt>
                <c:pt idx="7946">
                  <c:v>6.0951999999999999E-2</c:v>
                </c:pt>
                <c:pt idx="7947">
                  <c:v>6.0943999999999998E-2</c:v>
                </c:pt>
                <c:pt idx="7948">
                  <c:v>6.0936999999999998E-2</c:v>
                </c:pt>
                <c:pt idx="7949">
                  <c:v>6.0928999999999997E-2</c:v>
                </c:pt>
                <c:pt idx="7950">
                  <c:v>6.0921000000000003E-2</c:v>
                </c:pt>
                <c:pt idx="7951">
                  <c:v>6.0914000000000003E-2</c:v>
                </c:pt>
                <c:pt idx="7952">
                  <c:v>6.0906000000000002E-2</c:v>
                </c:pt>
                <c:pt idx="7953">
                  <c:v>6.0898000000000001E-2</c:v>
                </c:pt>
                <c:pt idx="7954">
                  <c:v>6.0891000000000001E-2</c:v>
                </c:pt>
                <c:pt idx="7955">
                  <c:v>6.0883E-2</c:v>
                </c:pt>
                <c:pt idx="7956">
                  <c:v>6.0876E-2</c:v>
                </c:pt>
                <c:pt idx="7957">
                  <c:v>6.0867999999999998E-2</c:v>
                </c:pt>
                <c:pt idx="7958">
                  <c:v>6.0859999999999997E-2</c:v>
                </c:pt>
                <c:pt idx="7959">
                  <c:v>6.0852999999999997E-2</c:v>
                </c:pt>
                <c:pt idx="7960">
                  <c:v>6.0845000000000003E-2</c:v>
                </c:pt>
                <c:pt idx="7961">
                  <c:v>6.0838000000000003E-2</c:v>
                </c:pt>
                <c:pt idx="7962">
                  <c:v>6.0830000000000002E-2</c:v>
                </c:pt>
                <c:pt idx="7963">
                  <c:v>6.0822000000000001E-2</c:v>
                </c:pt>
                <c:pt idx="7964">
                  <c:v>6.0815000000000001E-2</c:v>
                </c:pt>
                <c:pt idx="7965">
                  <c:v>6.0807E-2</c:v>
                </c:pt>
                <c:pt idx="7966">
                  <c:v>6.08E-2</c:v>
                </c:pt>
                <c:pt idx="7967">
                  <c:v>6.0791999999999999E-2</c:v>
                </c:pt>
                <c:pt idx="7968">
                  <c:v>6.0784999999999999E-2</c:v>
                </c:pt>
                <c:pt idx="7969">
                  <c:v>6.0776999999999998E-2</c:v>
                </c:pt>
                <c:pt idx="7970">
                  <c:v>6.0768999999999997E-2</c:v>
                </c:pt>
                <c:pt idx="7971">
                  <c:v>6.0761999999999997E-2</c:v>
                </c:pt>
                <c:pt idx="7972">
                  <c:v>6.0754000000000002E-2</c:v>
                </c:pt>
                <c:pt idx="7973">
                  <c:v>6.0747000000000002E-2</c:v>
                </c:pt>
                <c:pt idx="7974">
                  <c:v>6.0739000000000001E-2</c:v>
                </c:pt>
                <c:pt idx="7975">
                  <c:v>6.0732000000000001E-2</c:v>
                </c:pt>
                <c:pt idx="7976">
                  <c:v>6.0724E-2</c:v>
                </c:pt>
                <c:pt idx="7977">
                  <c:v>6.0715999999999999E-2</c:v>
                </c:pt>
                <c:pt idx="7978">
                  <c:v>6.0708999999999999E-2</c:v>
                </c:pt>
                <c:pt idx="7979">
                  <c:v>6.0700999999999998E-2</c:v>
                </c:pt>
                <c:pt idx="7980">
                  <c:v>6.0693999999999998E-2</c:v>
                </c:pt>
                <c:pt idx="7981">
                  <c:v>6.0685999999999997E-2</c:v>
                </c:pt>
                <c:pt idx="7982">
                  <c:v>6.0678999999999997E-2</c:v>
                </c:pt>
                <c:pt idx="7983">
                  <c:v>6.0671000000000003E-2</c:v>
                </c:pt>
                <c:pt idx="7984">
                  <c:v>6.0663000000000002E-2</c:v>
                </c:pt>
                <c:pt idx="7985">
                  <c:v>6.0656000000000002E-2</c:v>
                </c:pt>
                <c:pt idx="7986">
                  <c:v>6.0648000000000001E-2</c:v>
                </c:pt>
                <c:pt idx="7987">
                  <c:v>6.0641E-2</c:v>
                </c:pt>
                <c:pt idx="7988">
                  <c:v>6.0632999999999999E-2</c:v>
                </c:pt>
                <c:pt idx="7989">
                  <c:v>6.0625999999999999E-2</c:v>
                </c:pt>
                <c:pt idx="7990">
                  <c:v>6.0617999999999998E-2</c:v>
                </c:pt>
                <c:pt idx="7991">
                  <c:v>6.0610999999999998E-2</c:v>
                </c:pt>
                <c:pt idx="7992">
                  <c:v>6.0602999999999997E-2</c:v>
                </c:pt>
                <c:pt idx="7993">
                  <c:v>6.0595999999999997E-2</c:v>
                </c:pt>
                <c:pt idx="7994">
                  <c:v>6.0588000000000003E-2</c:v>
                </c:pt>
                <c:pt idx="7995">
                  <c:v>6.0581000000000003E-2</c:v>
                </c:pt>
                <c:pt idx="7996">
                  <c:v>6.0573000000000002E-2</c:v>
                </c:pt>
                <c:pt idx="7997">
                  <c:v>6.0565000000000001E-2</c:v>
                </c:pt>
                <c:pt idx="7998">
                  <c:v>6.0558000000000001E-2</c:v>
                </c:pt>
                <c:pt idx="7999">
                  <c:v>6.055E-2</c:v>
                </c:pt>
                <c:pt idx="8000">
                  <c:v>6.0543E-2</c:v>
                </c:pt>
                <c:pt idx="8001">
                  <c:v>6.0534999999999999E-2</c:v>
                </c:pt>
                <c:pt idx="8002">
                  <c:v>6.0527999999999998E-2</c:v>
                </c:pt>
                <c:pt idx="8003">
                  <c:v>6.0519999999999997E-2</c:v>
                </c:pt>
                <c:pt idx="8004">
                  <c:v>6.0512999999999997E-2</c:v>
                </c:pt>
                <c:pt idx="8005">
                  <c:v>6.0505000000000003E-2</c:v>
                </c:pt>
                <c:pt idx="8006">
                  <c:v>6.0498000000000003E-2</c:v>
                </c:pt>
                <c:pt idx="8007">
                  <c:v>6.0490000000000002E-2</c:v>
                </c:pt>
                <c:pt idx="8008">
                  <c:v>6.0483000000000002E-2</c:v>
                </c:pt>
                <c:pt idx="8009">
                  <c:v>6.0475000000000001E-2</c:v>
                </c:pt>
                <c:pt idx="8010">
                  <c:v>6.0468000000000001E-2</c:v>
                </c:pt>
                <c:pt idx="8011">
                  <c:v>6.046E-2</c:v>
                </c:pt>
                <c:pt idx="8012">
                  <c:v>6.0453E-2</c:v>
                </c:pt>
                <c:pt idx="8013">
                  <c:v>6.0444999999999999E-2</c:v>
                </c:pt>
                <c:pt idx="8014">
                  <c:v>6.0437999999999999E-2</c:v>
                </c:pt>
                <c:pt idx="8015">
                  <c:v>6.0429999999999998E-2</c:v>
                </c:pt>
                <c:pt idx="8016">
                  <c:v>6.0422999999999998E-2</c:v>
                </c:pt>
                <c:pt idx="8017">
                  <c:v>6.0415000000000003E-2</c:v>
                </c:pt>
                <c:pt idx="8018">
                  <c:v>6.0408000000000003E-2</c:v>
                </c:pt>
                <c:pt idx="8019">
                  <c:v>6.0400000000000002E-2</c:v>
                </c:pt>
                <c:pt idx="8020">
                  <c:v>6.0393000000000002E-2</c:v>
                </c:pt>
                <c:pt idx="8021">
                  <c:v>6.0385000000000001E-2</c:v>
                </c:pt>
                <c:pt idx="8022">
                  <c:v>6.0378000000000001E-2</c:v>
                </c:pt>
                <c:pt idx="8023">
                  <c:v>6.037E-2</c:v>
                </c:pt>
                <c:pt idx="8024">
                  <c:v>6.0363E-2</c:v>
                </c:pt>
                <c:pt idx="8025">
                  <c:v>6.0354999999999999E-2</c:v>
                </c:pt>
                <c:pt idx="8026">
                  <c:v>6.0347999999999999E-2</c:v>
                </c:pt>
                <c:pt idx="8027">
                  <c:v>6.0339999999999998E-2</c:v>
                </c:pt>
                <c:pt idx="8028">
                  <c:v>6.0332999999999998E-2</c:v>
                </c:pt>
                <c:pt idx="8029">
                  <c:v>6.0325999999999998E-2</c:v>
                </c:pt>
                <c:pt idx="8030">
                  <c:v>6.0317999999999997E-2</c:v>
                </c:pt>
                <c:pt idx="8031">
                  <c:v>6.0310999999999997E-2</c:v>
                </c:pt>
                <c:pt idx="8032">
                  <c:v>6.0303000000000002E-2</c:v>
                </c:pt>
                <c:pt idx="8033">
                  <c:v>6.0296000000000002E-2</c:v>
                </c:pt>
                <c:pt idx="8034">
                  <c:v>6.0288000000000001E-2</c:v>
                </c:pt>
                <c:pt idx="8035">
                  <c:v>6.0281000000000001E-2</c:v>
                </c:pt>
                <c:pt idx="8036">
                  <c:v>6.0273E-2</c:v>
                </c:pt>
                <c:pt idx="8037">
                  <c:v>6.0266E-2</c:v>
                </c:pt>
                <c:pt idx="8038">
                  <c:v>6.0257999999999999E-2</c:v>
                </c:pt>
                <c:pt idx="8039">
                  <c:v>6.0250999999999999E-2</c:v>
                </c:pt>
                <c:pt idx="8040">
                  <c:v>6.0243999999999999E-2</c:v>
                </c:pt>
                <c:pt idx="8041">
                  <c:v>6.0235999999999998E-2</c:v>
                </c:pt>
                <c:pt idx="8042">
                  <c:v>6.0228999999999998E-2</c:v>
                </c:pt>
                <c:pt idx="8043">
                  <c:v>6.0220999999999997E-2</c:v>
                </c:pt>
                <c:pt idx="8044">
                  <c:v>6.0213999999999997E-2</c:v>
                </c:pt>
                <c:pt idx="8045">
                  <c:v>6.0206000000000003E-2</c:v>
                </c:pt>
                <c:pt idx="8046">
                  <c:v>6.0199000000000003E-2</c:v>
                </c:pt>
                <c:pt idx="8047">
                  <c:v>6.0191000000000001E-2</c:v>
                </c:pt>
                <c:pt idx="8048">
                  <c:v>6.0184000000000001E-2</c:v>
                </c:pt>
                <c:pt idx="8049">
                  <c:v>6.0177000000000001E-2</c:v>
                </c:pt>
                <c:pt idx="8050">
                  <c:v>6.0169E-2</c:v>
                </c:pt>
                <c:pt idx="8051">
                  <c:v>6.0162E-2</c:v>
                </c:pt>
                <c:pt idx="8052">
                  <c:v>6.0153999999999999E-2</c:v>
                </c:pt>
                <c:pt idx="8053">
                  <c:v>6.0146999999999999E-2</c:v>
                </c:pt>
                <c:pt idx="8054">
                  <c:v>6.0138999999999998E-2</c:v>
                </c:pt>
                <c:pt idx="8055">
                  <c:v>6.0131999999999998E-2</c:v>
                </c:pt>
                <c:pt idx="8056">
                  <c:v>6.0124999999999998E-2</c:v>
                </c:pt>
                <c:pt idx="8057">
                  <c:v>6.0116999999999997E-2</c:v>
                </c:pt>
                <c:pt idx="8058">
                  <c:v>6.0109999999999997E-2</c:v>
                </c:pt>
                <c:pt idx="8059">
                  <c:v>6.0102000000000003E-2</c:v>
                </c:pt>
                <c:pt idx="8060">
                  <c:v>6.0095000000000003E-2</c:v>
                </c:pt>
                <c:pt idx="8061">
                  <c:v>6.0088000000000003E-2</c:v>
                </c:pt>
                <c:pt idx="8062">
                  <c:v>6.0080000000000001E-2</c:v>
                </c:pt>
                <c:pt idx="8063">
                  <c:v>6.0073000000000001E-2</c:v>
                </c:pt>
                <c:pt idx="8064">
                  <c:v>6.0065E-2</c:v>
                </c:pt>
                <c:pt idx="8065">
                  <c:v>6.0058E-2</c:v>
                </c:pt>
                <c:pt idx="8066">
                  <c:v>6.0051E-2</c:v>
                </c:pt>
                <c:pt idx="8067">
                  <c:v>6.0042999999999999E-2</c:v>
                </c:pt>
                <c:pt idx="8068">
                  <c:v>6.0035999999999999E-2</c:v>
                </c:pt>
                <c:pt idx="8069">
                  <c:v>6.0027999999999998E-2</c:v>
                </c:pt>
                <c:pt idx="8070">
                  <c:v>6.0020999999999998E-2</c:v>
                </c:pt>
                <c:pt idx="8071">
                  <c:v>6.0013999999999998E-2</c:v>
                </c:pt>
                <c:pt idx="8072">
                  <c:v>6.0005999999999997E-2</c:v>
                </c:pt>
                <c:pt idx="8073">
                  <c:v>5.9998999999999997E-2</c:v>
                </c:pt>
                <c:pt idx="8074">
                  <c:v>5.9991000000000003E-2</c:v>
                </c:pt>
                <c:pt idx="8075">
                  <c:v>5.9984000000000003E-2</c:v>
                </c:pt>
                <c:pt idx="8076">
                  <c:v>5.9977000000000003E-2</c:v>
                </c:pt>
                <c:pt idx="8077">
                  <c:v>5.9969000000000001E-2</c:v>
                </c:pt>
                <c:pt idx="8078">
                  <c:v>5.9962000000000001E-2</c:v>
                </c:pt>
                <c:pt idx="8079">
                  <c:v>5.9954E-2</c:v>
                </c:pt>
                <c:pt idx="8080">
                  <c:v>5.9947E-2</c:v>
                </c:pt>
                <c:pt idx="8081">
                  <c:v>5.994E-2</c:v>
                </c:pt>
                <c:pt idx="8082">
                  <c:v>5.9931999999999999E-2</c:v>
                </c:pt>
                <c:pt idx="8083">
                  <c:v>5.9924999999999999E-2</c:v>
                </c:pt>
                <c:pt idx="8084">
                  <c:v>5.9917999999999999E-2</c:v>
                </c:pt>
                <c:pt idx="8085">
                  <c:v>5.9909999999999998E-2</c:v>
                </c:pt>
                <c:pt idx="8086">
                  <c:v>5.9902999999999998E-2</c:v>
                </c:pt>
                <c:pt idx="8087">
                  <c:v>5.9895999999999998E-2</c:v>
                </c:pt>
                <c:pt idx="8088">
                  <c:v>5.9887999999999997E-2</c:v>
                </c:pt>
                <c:pt idx="8089">
                  <c:v>5.9880999999999997E-2</c:v>
                </c:pt>
                <c:pt idx="8090">
                  <c:v>5.9873000000000003E-2</c:v>
                </c:pt>
                <c:pt idx="8091">
                  <c:v>5.9866000000000003E-2</c:v>
                </c:pt>
                <c:pt idx="8092">
                  <c:v>5.9859000000000002E-2</c:v>
                </c:pt>
                <c:pt idx="8093">
                  <c:v>5.9851000000000001E-2</c:v>
                </c:pt>
                <c:pt idx="8094">
                  <c:v>5.9844000000000001E-2</c:v>
                </c:pt>
                <c:pt idx="8095">
                  <c:v>5.9837000000000001E-2</c:v>
                </c:pt>
                <c:pt idx="8096">
                  <c:v>5.9829E-2</c:v>
                </c:pt>
                <c:pt idx="8097">
                  <c:v>5.9822E-2</c:v>
                </c:pt>
                <c:pt idx="8098">
                  <c:v>5.9815E-2</c:v>
                </c:pt>
                <c:pt idx="8099">
                  <c:v>5.9806999999999999E-2</c:v>
                </c:pt>
                <c:pt idx="8100">
                  <c:v>5.9799999999999999E-2</c:v>
                </c:pt>
                <c:pt idx="8101">
                  <c:v>5.9792999999999999E-2</c:v>
                </c:pt>
                <c:pt idx="8102">
                  <c:v>5.9784999999999998E-2</c:v>
                </c:pt>
                <c:pt idx="8103">
                  <c:v>5.9777999999999998E-2</c:v>
                </c:pt>
                <c:pt idx="8104">
                  <c:v>5.9770999999999998E-2</c:v>
                </c:pt>
                <c:pt idx="8105">
                  <c:v>5.9762999999999997E-2</c:v>
                </c:pt>
                <c:pt idx="8106">
                  <c:v>5.9755999999999997E-2</c:v>
                </c:pt>
                <c:pt idx="8107">
                  <c:v>5.9748999999999997E-2</c:v>
                </c:pt>
                <c:pt idx="8108">
                  <c:v>5.9741000000000002E-2</c:v>
                </c:pt>
                <c:pt idx="8109">
                  <c:v>5.9734000000000002E-2</c:v>
                </c:pt>
                <c:pt idx="8110">
                  <c:v>5.9727000000000002E-2</c:v>
                </c:pt>
                <c:pt idx="8111">
                  <c:v>5.9719000000000001E-2</c:v>
                </c:pt>
                <c:pt idx="8112">
                  <c:v>5.9712000000000001E-2</c:v>
                </c:pt>
                <c:pt idx="8113">
                  <c:v>5.9705000000000001E-2</c:v>
                </c:pt>
                <c:pt idx="8114">
                  <c:v>5.9697E-2</c:v>
                </c:pt>
                <c:pt idx="8115">
                  <c:v>5.969E-2</c:v>
                </c:pt>
                <c:pt idx="8116">
                  <c:v>5.9683E-2</c:v>
                </c:pt>
                <c:pt idx="8117">
                  <c:v>5.9676E-2</c:v>
                </c:pt>
                <c:pt idx="8118">
                  <c:v>5.9667999999999999E-2</c:v>
                </c:pt>
                <c:pt idx="8119">
                  <c:v>5.9660999999999999E-2</c:v>
                </c:pt>
                <c:pt idx="8120">
                  <c:v>5.9653999999999999E-2</c:v>
                </c:pt>
                <c:pt idx="8121">
                  <c:v>5.9645999999999998E-2</c:v>
                </c:pt>
                <c:pt idx="8122">
                  <c:v>5.9638999999999998E-2</c:v>
                </c:pt>
                <c:pt idx="8123">
                  <c:v>5.9631999999999998E-2</c:v>
                </c:pt>
                <c:pt idx="8124">
                  <c:v>5.9624000000000003E-2</c:v>
                </c:pt>
                <c:pt idx="8125">
                  <c:v>5.9617000000000003E-2</c:v>
                </c:pt>
                <c:pt idx="8126">
                  <c:v>5.9610000000000003E-2</c:v>
                </c:pt>
                <c:pt idx="8127">
                  <c:v>5.9603000000000003E-2</c:v>
                </c:pt>
                <c:pt idx="8128">
                  <c:v>5.9595000000000002E-2</c:v>
                </c:pt>
                <c:pt idx="8129">
                  <c:v>5.9588000000000002E-2</c:v>
                </c:pt>
                <c:pt idx="8130">
                  <c:v>5.9581000000000002E-2</c:v>
                </c:pt>
                <c:pt idx="8131">
                  <c:v>5.9573000000000001E-2</c:v>
                </c:pt>
                <c:pt idx="8132">
                  <c:v>5.9566000000000001E-2</c:v>
                </c:pt>
                <c:pt idx="8133">
                  <c:v>5.9559000000000001E-2</c:v>
                </c:pt>
                <c:pt idx="8134">
                  <c:v>5.9552000000000001E-2</c:v>
                </c:pt>
                <c:pt idx="8135">
                  <c:v>5.9544E-2</c:v>
                </c:pt>
                <c:pt idx="8136">
                  <c:v>5.9537E-2</c:v>
                </c:pt>
                <c:pt idx="8137">
                  <c:v>5.953E-2</c:v>
                </c:pt>
                <c:pt idx="8138">
                  <c:v>5.9521999999999999E-2</c:v>
                </c:pt>
                <c:pt idx="8139">
                  <c:v>5.9514999999999998E-2</c:v>
                </c:pt>
                <c:pt idx="8140">
                  <c:v>5.9507999999999998E-2</c:v>
                </c:pt>
                <c:pt idx="8141">
                  <c:v>5.9500999999999998E-2</c:v>
                </c:pt>
                <c:pt idx="8142">
                  <c:v>5.9492999999999997E-2</c:v>
                </c:pt>
                <c:pt idx="8143">
                  <c:v>5.9485999999999997E-2</c:v>
                </c:pt>
                <c:pt idx="8144">
                  <c:v>5.9478999999999997E-2</c:v>
                </c:pt>
                <c:pt idx="8145">
                  <c:v>5.9471999999999997E-2</c:v>
                </c:pt>
                <c:pt idx="8146">
                  <c:v>5.9464000000000003E-2</c:v>
                </c:pt>
                <c:pt idx="8147">
                  <c:v>5.9457000000000003E-2</c:v>
                </c:pt>
                <c:pt idx="8148">
                  <c:v>5.9450000000000003E-2</c:v>
                </c:pt>
                <c:pt idx="8149">
                  <c:v>5.9443000000000003E-2</c:v>
                </c:pt>
                <c:pt idx="8150">
                  <c:v>5.9435000000000002E-2</c:v>
                </c:pt>
                <c:pt idx="8151">
                  <c:v>5.9428000000000002E-2</c:v>
                </c:pt>
                <c:pt idx="8152">
                  <c:v>5.9421000000000002E-2</c:v>
                </c:pt>
                <c:pt idx="8153">
                  <c:v>5.9414000000000002E-2</c:v>
                </c:pt>
                <c:pt idx="8154">
                  <c:v>5.9406E-2</c:v>
                </c:pt>
                <c:pt idx="8155">
                  <c:v>5.9399E-2</c:v>
                </c:pt>
                <c:pt idx="8156">
                  <c:v>5.9392E-2</c:v>
                </c:pt>
                <c:pt idx="8157">
                  <c:v>5.9385E-2</c:v>
                </c:pt>
                <c:pt idx="8158">
                  <c:v>5.9376999999999999E-2</c:v>
                </c:pt>
                <c:pt idx="8159">
                  <c:v>5.9369999999999999E-2</c:v>
                </c:pt>
                <c:pt idx="8160">
                  <c:v>5.9362999999999999E-2</c:v>
                </c:pt>
                <c:pt idx="8161">
                  <c:v>5.9355999999999999E-2</c:v>
                </c:pt>
                <c:pt idx="8162">
                  <c:v>5.9347999999999998E-2</c:v>
                </c:pt>
                <c:pt idx="8163">
                  <c:v>5.9340999999999998E-2</c:v>
                </c:pt>
                <c:pt idx="8164">
                  <c:v>5.9333999999999998E-2</c:v>
                </c:pt>
                <c:pt idx="8165">
                  <c:v>5.9326999999999998E-2</c:v>
                </c:pt>
                <c:pt idx="8166">
                  <c:v>5.9319999999999998E-2</c:v>
                </c:pt>
                <c:pt idx="8167">
                  <c:v>5.9311999999999997E-2</c:v>
                </c:pt>
                <c:pt idx="8168">
                  <c:v>5.9304999999999997E-2</c:v>
                </c:pt>
                <c:pt idx="8169">
                  <c:v>5.9297999999999997E-2</c:v>
                </c:pt>
                <c:pt idx="8170">
                  <c:v>5.9291000000000003E-2</c:v>
                </c:pt>
                <c:pt idx="8171">
                  <c:v>5.9284000000000003E-2</c:v>
                </c:pt>
                <c:pt idx="8172">
                  <c:v>5.9276000000000002E-2</c:v>
                </c:pt>
                <c:pt idx="8173">
                  <c:v>5.9269000000000002E-2</c:v>
                </c:pt>
                <c:pt idx="8174">
                  <c:v>5.9262000000000002E-2</c:v>
                </c:pt>
                <c:pt idx="8175">
                  <c:v>5.9255000000000002E-2</c:v>
                </c:pt>
                <c:pt idx="8176">
                  <c:v>5.9247000000000001E-2</c:v>
                </c:pt>
                <c:pt idx="8177">
                  <c:v>5.9240000000000001E-2</c:v>
                </c:pt>
                <c:pt idx="8178">
                  <c:v>5.9233000000000001E-2</c:v>
                </c:pt>
                <c:pt idx="8179">
                  <c:v>5.9226000000000001E-2</c:v>
                </c:pt>
                <c:pt idx="8180">
                  <c:v>5.9219000000000001E-2</c:v>
                </c:pt>
                <c:pt idx="8181">
                  <c:v>5.9211E-2</c:v>
                </c:pt>
                <c:pt idx="8182">
                  <c:v>5.9204E-2</c:v>
                </c:pt>
                <c:pt idx="8183">
                  <c:v>5.9197E-2</c:v>
                </c:pt>
                <c:pt idx="8184">
                  <c:v>5.919E-2</c:v>
                </c:pt>
                <c:pt idx="8185">
                  <c:v>5.9182999999999999E-2</c:v>
                </c:pt>
                <c:pt idx="8186">
                  <c:v>5.9175999999999999E-2</c:v>
                </c:pt>
                <c:pt idx="8187">
                  <c:v>5.9167999999999998E-2</c:v>
                </c:pt>
                <c:pt idx="8188">
                  <c:v>5.9160999999999998E-2</c:v>
                </c:pt>
                <c:pt idx="8189">
                  <c:v>5.9153999999999998E-2</c:v>
                </c:pt>
                <c:pt idx="8190">
                  <c:v>5.9146999999999998E-2</c:v>
                </c:pt>
                <c:pt idx="8191">
                  <c:v>5.9139999999999998E-2</c:v>
                </c:pt>
                <c:pt idx="8192">
                  <c:v>5.9131999999999997E-2</c:v>
                </c:pt>
                <c:pt idx="8193">
                  <c:v>5.9124999999999997E-2</c:v>
                </c:pt>
                <c:pt idx="8194">
                  <c:v>5.9117999999999997E-2</c:v>
                </c:pt>
                <c:pt idx="8195">
                  <c:v>5.9110999999999997E-2</c:v>
                </c:pt>
                <c:pt idx="8196">
                  <c:v>5.9103999999999997E-2</c:v>
                </c:pt>
                <c:pt idx="8197">
                  <c:v>5.9096999999999997E-2</c:v>
                </c:pt>
                <c:pt idx="8198">
                  <c:v>5.9089000000000003E-2</c:v>
                </c:pt>
                <c:pt idx="8199">
                  <c:v>5.9082000000000003E-2</c:v>
                </c:pt>
                <c:pt idx="8200">
                  <c:v>5.9075000000000003E-2</c:v>
                </c:pt>
                <c:pt idx="8201">
                  <c:v>5.9068000000000002E-2</c:v>
                </c:pt>
                <c:pt idx="8202">
                  <c:v>5.9061000000000002E-2</c:v>
                </c:pt>
                <c:pt idx="8203">
                  <c:v>5.9054000000000002E-2</c:v>
                </c:pt>
                <c:pt idx="8204">
                  <c:v>5.9046000000000001E-2</c:v>
                </c:pt>
                <c:pt idx="8205">
                  <c:v>5.9039000000000001E-2</c:v>
                </c:pt>
                <c:pt idx="8206">
                  <c:v>5.9032000000000001E-2</c:v>
                </c:pt>
                <c:pt idx="8207">
                  <c:v>5.9025000000000001E-2</c:v>
                </c:pt>
                <c:pt idx="8208">
                  <c:v>5.9018000000000001E-2</c:v>
                </c:pt>
                <c:pt idx="8209">
                  <c:v>5.9011000000000001E-2</c:v>
                </c:pt>
                <c:pt idx="8210">
                  <c:v>5.9004000000000001E-2</c:v>
                </c:pt>
                <c:pt idx="8211">
                  <c:v>5.8996E-2</c:v>
                </c:pt>
                <c:pt idx="8212">
                  <c:v>5.8989E-2</c:v>
                </c:pt>
                <c:pt idx="8213">
                  <c:v>5.8982E-2</c:v>
                </c:pt>
                <c:pt idx="8214">
                  <c:v>5.8975E-2</c:v>
                </c:pt>
                <c:pt idx="8215">
                  <c:v>5.8968E-2</c:v>
                </c:pt>
                <c:pt idx="8216">
                  <c:v>5.8961E-2</c:v>
                </c:pt>
                <c:pt idx="8217">
                  <c:v>5.8953999999999999E-2</c:v>
                </c:pt>
                <c:pt idx="8218">
                  <c:v>5.8946999999999999E-2</c:v>
                </c:pt>
                <c:pt idx="8219">
                  <c:v>5.8938999999999998E-2</c:v>
                </c:pt>
                <c:pt idx="8220">
                  <c:v>5.8931999999999998E-2</c:v>
                </c:pt>
                <c:pt idx="8221">
                  <c:v>5.8924999999999998E-2</c:v>
                </c:pt>
                <c:pt idx="8222">
                  <c:v>5.8917999999999998E-2</c:v>
                </c:pt>
                <c:pt idx="8223">
                  <c:v>5.8910999999999998E-2</c:v>
                </c:pt>
                <c:pt idx="8224">
                  <c:v>5.8903999999999998E-2</c:v>
                </c:pt>
                <c:pt idx="8225">
                  <c:v>5.8896999999999998E-2</c:v>
                </c:pt>
                <c:pt idx="8226">
                  <c:v>5.8889999999999998E-2</c:v>
                </c:pt>
                <c:pt idx="8227">
                  <c:v>5.8881999999999997E-2</c:v>
                </c:pt>
                <c:pt idx="8228">
                  <c:v>5.8874999999999997E-2</c:v>
                </c:pt>
                <c:pt idx="8229">
                  <c:v>5.8867999999999997E-2</c:v>
                </c:pt>
                <c:pt idx="8230">
                  <c:v>5.8860999999999997E-2</c:v>
                </c:pt>
                <c:pt idx="8231">
                  <c:v>5.8853999999999997E-2</c:v>
                </c:pt>
                <c:pt idx="8232">
                  <c:v>5.8846999999999997E-2</c:v>
                </c:pt>
                <c:pt idx="8233">
                  <c:v>5.8840000000000003E-2</c:v>
                </c:pt>
                <c:pt idx="8234">
                  <c:v>5.8833000000000003E-2</c:v>
                </c:pt>
                <c:pt idx="8235">
                  <c:v>5.8826000000000003E-2</c:v>
                </c:pt>
                <c:pt idx="8236">
                  <c:v>5.8818000000000002E-2</c:v>
                </c:pt>
                <c:pt idx="8237">
                  <c:v>5.8811000000000002E-2</c:v>
                </c:pt>
                <c:pt idx="8238">
                  <c:v>5.8804000000000002E-2</c:v>
                </c:pt>
                <c:pt idx="8239">
                  <c:v>5.8797000000000002E-2</c:v>
                </c:pt>
                <c:pt idx="8240">
                  <c:v>5.8790000000000002E-2</c:v>
                </c:pt>
                <c:pt idx="8241">
                  <c:v>5.8783000000000002E-2</c:v>
                </c:pt>
                <c:pt idx="8242">
                  <c:v>5.8776000000000002E-2</c:v>
                </c:pt>
                <c:pt idx="8243">
                  <c:v>5.8769000000000002E-2</c:v>
                </c:pt>
                <c:pt idx="8244">
                  <c:v>5.8762000000000002E-2</c:v>
                </c:pt>
                <c:pt idx="8245">
                  <c:v>5.8755000000000002E-2</c:v>
                </c:pt>
                <c:pt idx="8246">
                  <c:v>5.8748000000000002E-2</c:v>
                </c:pt>
                <c:pt idx="8247">
                  <c:v>5.8740000000000001E-2</c:v>
                </c:pt>
                <c:pt idx="8248">
                  <c:v>5.8733E-2</c:v>
                </c:pt>
                <c:pt idx="8249">
                  <c:v>5.8726E-2</c:v>
                </c:pt>
                <c:pt idx="8250">
                  <c:v>5.8719E-2</c:v>
                </c:pt>
                <c:pt idx="8251">
                  <c:v>5.8712E-2</c:v>
                </c:pt>
                <c:pt idx="8252">
                  <c:v>5.8705E-2</c:v>
                </c:pt>
                <c:pt idx="8253">
                  <c:v>5.8698E-2</c:v>
                </c:pt>
                <c:pt idx="8254">
                  <c:v>5.8691E-2</c:v>
                </c:pt>
                <c:pt idx="8255">
                  <c:v>5.8684E-2</c:v>
                </c:pt>
                <c:pt idx="8256">
                  <c:v>5.8677E-2</c:v>
                </c:pt>
                <c:pt idx="8257">
                  <c:v>5.867E-2</c:v>
                </c:pt>
                <c:pt idx="8258">
                  <c:v>5.8663E-2</c:v>
                </c:pt>
                <c:pt idx="8259">
                  <c:v>5.8656E-2</c:v>
                </c:pt>
                <c:pt idx="8260">
                  <c:v>5.8649E-2</c:v>
                </c:pt>
                <c:pt idx="8261">
                  <c:v>5.8642E-2</c:v>
                </c:pt>
                <c:pt idx="8262">
                  <c:v>5.8633999999999999E-2</c:v>
                </c:pt>
                <c:pt idx="8263">
                  <c:v>5.8626999999999999E-2</c:v>
                </c:pt>
                <c:pt idx="8264">
                  <c:v>5.8619999999999998E-2</c:v>
                </c:pt>
                <c:pt idx="8265">
                  <c:v>5.8612999999999998E-2</c:v>
                </c:pt>
                <c:pt idx="8266">
                  <c:v>5.8605999999999998E-2</c:v>
                </c:pt>
                <c:pt idx="8267">
                  <c:v>5.8598999999999998E-2</c:v>
                </c:pt>
                <c:pt idx="8268">
                  <c:v>5.8591999999999998E-2</c:v>
                </c:pt>
                <c:pt idx="8269">
                  <c:v>5.8584999999999998E-2</c:v>
                </c:pt>
                <c:pt idx="8270">
                  <c:v>5.8577999999999998E-2</c:v>
                </c:pt>
                <c:pt idx="8271">
                  <c:v>5.8570999999999998E-2</c:v>
                </c:pt>
                <c:pt idx="8272">
                  <c:v>5.8563999999999998E-2</c:v>
                </c:pt>
                <c:pt idx="8273">
                  <c:v>5.8556999999999998E-2</c:v>
                </c:pt>
                <c:pt idx="8274">
                  <c:v>5.8549999999999998E-2</c:v>
                </c:pt>
                <c:pt idx="8275">
                  <c:v>5.8542999999999998E-2</c:v>
                </c:pt>
                <c:pt idx="8276">
                  <c:v>5.8535999999999998E-2</c:v>
                </c:pt>
                <c:pt idx="8277">
                  <c:v>5.8528999999999998E-2</c:v>
                </c:pt>
                <c:pt idx="8278">
                  <c:v>5.8521999999999998E-2</c:v>
                </c:pt>
                <c:pt idx="8279">
                  <c:v>5.8514999999999998E-2</c:v>
                </c:pt>
                <c:pt idx="8280">
                  <c:v>5.8507999999999998E-2</c:v>
                </c:pt>
                <c:pt idx="8281">
                  <c:v>5.8500999999999997E-2</c:v>
                </c:pt>
                <c:pt idx="8282">
                  <c:v>5.8493999999999997E-2</c:v>
                </c:pt>
                <c:pt idx="8283">
                  <c:v>5.8486999999999997E-2</c:v>
                </c:pt>
                <c:pt idx="8284">
                  <c:v>5.8479999999999997E-2</c:v>
                </c:pt>
                <c:pt idx="8285">
                  <c:v>5.8472999999999997E-2</c:v>
                </c:pt>
                <c:pt idx="8286">
                  <c:v>5.8465999999999997E-2</c:v>
                </c:pt>
                <c:pt idx="8287">
                  <c:v>5.8458999999999997E-2</c:v>
                </c:pt>
                <c:pt idx="8288">
                  <c:v>5.8451999999999997E-2</c:v>
                </c:pt>
                <c:pt idx="8289">
                  <c:v>5.8444999999999997E-2</c:v>
                </c:pt>
                <c:pt idx="8290">
                  <c:v>5.8437999999999997E-2</c:v>
                </c:pt>
                <c:pt idx="8291">
                  <c:v>5.8430999999999997E-2</c:v>
                </c:pt>
                <c:pt idx="8292">
                  <c:v>5.8423999999999997E-2</c:v>
                </c:pt>
                <c:pt idx="8293">
                  <c:v>5.8416999999999997E-2</c:v>
                </c:pt>
                <c:pt idx="8294">
                  <c:v>5.8409999999999997E-2</c:v>
                </c:pt>
                <c:pt idx="8295">
                  <c:v>5.8402999999999997E-2</c:v>
                </c:pt>
                <c:pt idx="8296">
                  <c:v>5.8396000000000003E-2</c:v>
                </c:pt>
                <c:pt idx="8297">
                  <c:v>5.8389000000000003E-2</c:v>
                </c:pt>
                <c:pt idx="8298">
                  <c:v>5.8382000000000003E-2</c:v>
                </c:pt>
                <c:pt idx="8299">
                  <c:v>5.8375000000000003E-2</c:v>
                </c:pt>
                <c:pt idx="8300">
                  <c:v>5.8368000000000003E-2</c:v>
                </c:pt>
                <c:pt idx="8301">
                  <c:v>5.8361000000000003E-2</c:v>
                </c:pt>
                <c:pt idx="8302">
                  <c:v>5.8354000000000003E-2</c:v>
                </c:pt>
                <c:pt idx="8303">
                  <c:v>5.8347000000000003E-2</c:v>
                </c:pt>
                <c:pt idx="8304">
                  <c:v>5.8340000000000003E-2</c:v>
                </c:pt>
                <c:pt idx="8305">
                  <c:v>5.8333000000000003E-2</c:v>
                </c:pt>
                <c:pt idx="8306">
                  <c:v>5.8326000000000003E-2</c:v>
                </c:pt>
                <c:pt idx="8307">
                  <c:v>5.8319000000000003E-2</c:v>
                </c:pt>
                <c:pt idx="8308">
                  <c:v>5.8312000000000003E-2</c:v>
                </c:pt>
                <c:pt idx="8309">
                  <c:v>5.8305000000000003E-2</c:v>
                </c:pt>
                <c:pt idx="8310">
                  <c:v>5.8298000000000003E-2</c:v>
                </c:pt>
                <c:pt idx="8311">
                  <c:v>5.8291000000000003E-2</c:v>
                </c:pt>
                <c:pt idx="8312">
                  <c:v>5.8284000000000002E-2</c:v>
                </c:pt>
                <c:pt idx="8313">
                  <c:v>5.8277000000000002E-2</c:v>
                </c:pt>
                <c:pt idx="8314">
                  <c:v>5.8270000000000002E-2</c:v>
                </c:pt>
                <c:pt idx="8315">
                  <c:v>5.8263000000000002E-2</c:v>
                </c:pt>
                <c:pt idx="8316">
                  <c:v>5.8256000000000002E-2</c:v>
                </c:pt>
                <c:pt idx="8317">
                  <c:v>5.8249000000000002E-2</c:v>
                </c:pt>
                <c:pt idx="8318">
                  <c:v>5.8242000000000002E-2</c:v>
                </c:pt>
                <c:pt idx="8319">
                  <c:v>5.8235000000000002E-2</c:v>
                </c:pt>
                <c:pt idx="8320">
                  <c:v>5.8228000000000002E-2</c:v>
                </c:pt>
                <c:pt idx="8321">
                  <c:v>5.8221000000000002E-2</c:v>
                </c:pt>
                <c:pt idx="8322">
                  <c:v>5.8214000000000002E-2</c:v>
                </c:pt>
                <c:pt idx="8323">
                  <c:v>5.8207000000000002E-2</c:v>
                </c:pt>
                <c:pt idx="8324">
                  <c:v>5.8200000000000002E-2</c:v>
                </c:pt>
                <c:pt idx="8325">
                  <c:v>5.8193000000000002E-2</c:v>
                </c:pt>
                <c:pt idx="8326">
                  <c:v>5.8186000000000002E-2</c:v>
                </c:pt>
                <c:pt idx="8327">
                  <c:v>5.8180000000000003E-2</c:v>
                </c:pt>
                <c:pt idx="8328">
                  <c:v>5.8173000000000002E-2</c:v>
                </c:pt>
                <c:pt idx="8329">
                  <c:v>5.8166000000000002E-2</c:v>
                </c:pt>
                <c:pt idx="8330">
                  <c:v>5.8159000000000002E-2</c:v>
                </c:pt>
                <c:pt idx="8331">
                  <c:v>5.8152000000000002E-2</c:v>
                </c:pt>
                <c:pt idx="8332">
                  <c:v>5.8145000000000002E-2</c:v>
                </c:pt>
                <c:pt idx="8333">
                  <c:v>5.8138000000000002E-2</c:v>
                </c:pt>
                <c:pt idx="8334">
                  <c:v>5.8131000000000002E-2</c:v>
                </c:pt>
                <c:pt idx="8335">
                  <c:v>5.8124000000000002E-2</c:v>
                </c:pt>
                <c:pt idx="8336">
                  <c:v>5.8117000000000002E-2</c:v>
                </c:pt>
                <c:pt idx="8337">
                  <c:v>5.8110000000000002E-2</c:v>
                </c:pt>
                <c:pt idx="8338">
                  <c:v>5.8103000000000002E-2</c:v>
                </c:pt>
                <c:pt idx="8339">
                  <c:v>5.8096000000000002E-2</c:v>
                </c:pt>
                <c:pt idx="8340">
                  <c:v>5.8089000000000002E-2</c:v>
                </c:pt>
                <c:pt idx="8341">
                  <c:v>5.8082000000000002E-2</c:v>
                </c:pt>
                <c:pt idx="8342">
                  <c:v>5.8076000000000003E-2</c:v>
                </c:pt>
                <c:pt idx="8343">
                  <c:v>5.8069000000000003E-2</c:v>
                </c:pt>
                <c:pt idx="8344">
                  <c:v>5.8062000000000002E-2</c:v>
                </c:pt>
                <c:pt idx="8345">
                  <c:v>5.8055000000000002E-2</c:v>
                </c:pt>
                <c:pt idx="8346">
                  <c:v>5.8048000000000002E-2</c:v>
                </c:pt>
                <c:pt idx="8347">
                  <c:v>5.8041000000000002E-2</c:v>
                </c:pt>
                <c:pt idx="8348">
                  <c:v>5.8034000000000002E-2</c:v>
                </c:pt>
                <c:pt idx="8349">
                  <c:v>5.8027000000000002E-2</c:v>
                </c:pt>
                <c:pt idx="8350">
                  <c:v>5.8020000000000002E-2</c:v>
                </c:pt>
                <c:pt idx="8351">
                  <c:v>5.8013000000000002E-2</c:v>
                </c:pt>
                <c:pt idx="8352">
                  <c:v>5.8006000000000002E-2</c:v>
                </c:pt>
                <c:pt idx="8353">
                  <c:v>5.8000000000000003E-2</c:v>
                </c:pt>
                <c:pt idx="8354">
                  <c:v>5.7993000000000003E-2</c:v>
                </c:pt>
                <c:pt idx="8355">
                  <c:v>5.7986000000000003E-2</c:v>
                </c:pt>
                <c:pt idx="8356">
                  <c:v>5.7979000000000003E-2</c:v>
                </c:pt>
                <c:pt idx="8357">
                  <c:v>5.7972000000000003E-2</c:v>
                </c:pt>
                <c:pt idx="8358">
                  <c:v>5.7965000000000003E-2</c:v>
                </c:pt>
                <c:pt idx="8359">
                  <c:v>5.7958000000000003E-2</c:v>
                </c:pt>
                <c:pt idx="8360">
                  <c:v>5.7951000000000003E-2</c:v>
                </c:pt>
                <c:pt idx="8361">
                  <c:v>5.7944000000000002E-2</c:v>
                </c:pt>
                <c:pt idx="8362">
                  <c:v>5.7937000000000002E-2</c:v>
                </c:pt>
                <c:pt idx="8363">
                  <c:v>5.7931000000000003E-2</c:v>
                </c:pt>
                <c:pt idx="8364">
                  <c:v>5.7924000000000003E-2</c:v>
                </c:pt>
                <c:pt idx="8365">
                  <c:v>5.7917000000000003E-2</c:v>
                </c:pt>
                <c:pt idx="8366">
                  <c:v>5.7910000000000003E-2</c:v>
                </c:pt>
                <c:pt idx="8367">
                  <c:v>5.7903000000000003E-2</c:v>
                </c:pt>
                <c:pt idx="8368">
                  <c:v>5.7896000000000003E-2</c:v>
                </c:pt>
                <c:pt idx="8369">
                  <c:v>5.7889000000000003E-2</c:v>
                </c:pt>
                <c:pt idx="8370">
                  <c:v>5.7882000000000003E-2</c:v>
                </c:pt>
                <c:pt idx="8371">
                  <c:v>5.7875999999999997E-2</c:v>
                </c:pt>
                <c:pt idx="8372">
                  <c:v>5.7868999999999997E-2</c:v>
                </c:pt>
                <c:pt idx="8373">
                  <c:v>5.7861999999999997E-2</c:v>
                </c:pt>
                <c:pt idx="8374">
                  <c:v>5.7854999999999997E-2</c:v>
                </c:pt>
                <c:pt idx="8375">
                  <c:v>5.7847999999999997E-2</c:v>
                </c:pt>
                <c:pt idx="8376">
                  <c:v>5.7840999999999997E-2</c:v>
                </c:pt>
                <c:pt idx="8377">
                  <c:v>5.7834000000000003E-2</c:v>
                </c:pt>
                <c:pt idx="8378">
                  <c:v>5.7827000000000003E-2</c:v>
                </c:pt>
                <c:pt idx="8379">
                  <c:v>5.7820999999999997E-2</c:v>
                </c:pt>
                <c:pt idx="8380">
                  <c:v>5.7813999999999997E-2</c:v>
                </c:pt>
                <c:pt idx="8381">
                  <c:v>5.7806999999999997E-2</c:v>
                </c:pt>
                <c:pt idx="8382">
                  <c:v>5.7799999999999997E-2</c:v>
                </c:pt>
                <c:pt idx="8383">
                  <c:v>5.7792999999999997E-2</c:v>
                </c:pt>
                <c:pt idx="8384">
                  <c:v>5.7785999999999997E-2</c:v>
                </c:pt>
                <c:pt idx="8385">
                  <c:v>5.7778999999999997E-2</c:v>
                </c:pt>
                <c:pt idx="8386">
                  <c:v>5.7772999999999998E-2</c:v>
                </c:pt>
                <c:pt idx="8387">
                  <c:v>5.7765999999999998E-2</c:v>
                </c:pt>
                <c:pt idx="8388">
                  <c:v>5.7758999999999998E-2</c:v>
                </c:pt>
                <c:pt idx="8389">
                  <c:v>5.7751999999999998E-2</c:v>
                </c:pt>
                <c:pt idx="8390">
                  <c:v>5.7744999999999998E-2</c:v>
                </c:pt>
                <c:pt idx="8391">
                  <c:v>5.7737999999999998E-2</c:v>
                </c:pt>
                <c:pt idx="8392">
                  <c:v>5.7731999999999999E-2</c:v>
                </c:pt>
                <c:pt idx="8393">
                  <c:v>5.7724999999999999E-2</c:v>
                </c:pt>
                <c:pt idx="8394">
                  <c:v>5.7717999999999998E-2</c:v>
                </c:pt>
                <c:pt idx="8395">
                  <c:v>5.7710999999999998E-2</c:v>
                </c:pt>
                <c:pt idx="8396">
                  <c:v>5.7703999999999998E-2</c:v>
                </c:pt>
                <c:pt idx="8397">
                  <c:v>5.7696999999999998E-2</c:v>
                </c:pt>
                <c:pt idx="8398">
                  <c:v>5.7690999999999999E-2</c:v>
                </c:pt>
                <c:pt idx="8399">
                  <c:v>5.7683999999999999E-2</c:v>
                </c:pt>
                <c:pt idx="8400">
                  <c:v>5.7676999999999999E-2</c:v>
                </c:pt>
                <c:pt idx="8401">
                  <c:v>5.7669999999999999E-2</c:v>
                </c:pt>
                <c:pt idx="8402">
                  <c:v>5.7662999999999999E-2</c:v>
                </c:pt>
                <c:pt idx="8403">
                  <c:v>5.7655999999999999E-2</c:v>
                </c:pt>
                <c:pt idx="8404">
                  <c:v>5.765E-2</c:v>
                </c:pt>
                <c:pt idx="8405">
                  <c:v>5.7643E-2</c:v>
                </c:pt>
                <c:pt idx="8406">
                  <c:v>5.7636E-2</c:v>
                </c:pt>
                <c:pt idx="8407">
                  <c:v>5.7629E-2</c:v>
                </c:pt>
                <c:pt idx="8408">
                  <c:v>5.7622E-2</c:v>
                </c:pt>
                <c:pt idx="8409">
                  <c:v>5.7616000000000001E-2</c:v>
                </c:pt>
                <c:pt idx="8410">
                  <c:v>5.7609E-2</c:v>
                </c:pt>
                <c:pt idx="8411">
                  <c:v>5.7602E-2</c:v>
                </c:pt>
                <c:pt idx="8412">
                  <c:v>5.7595E-2</c:v>
                </c:pt>
                <c:pt idx="8413">
                  <c:v>5.7588E-2</c:v>
                </c:pt>
                <c:pt idx="8414">
                  <c:v>5.7582000000000001E-2</c:v>
                </c:pt>
                <c:pt idx="8415">
                  <c:v>5.7575000000000001E-2</c:v>
                </c:pt>
                <c:pt idx="8416">
                  <c:v>5.7568000000000001E-2</c:v>
                </c:pt>
                <c:pt idx="8417">
                  <c:v>5.7561000000000001E-2</c:v>
                </c:pt>
                <c:pt idx="8418">
                  <c:v>5.7554000000000001E-2</c:v>
                </c:pt>
                <c:pt idx="8419">
                  <c:v>5.7548000000000002E-2</c:v>
                </c:pt>
                <c:pt idx="8420">
                  <c:v>5.7541000000000002E-2</c:v>
                </c:pt>
                <c:pt idx="8421">
                  <c:v>5.7534000000000002E-2</c:v>
                </c:pt>
                <c:pt idx="8422">
                  <c:v>5.7527000000000002E-2</c:v>
                </c:pt>
                <c:pt idx="8423">
                  <c:v>5.7520000000000002E-2</c:v>
                </c:pt>
                <c:pt idx="8424">
                  <c:v>5.7514000000000003E-2</c:v>
                </c:pt>
                <c:pt idx="8425">
                  <c:v>5.7507000000000003E-2</c:v>
                </c:pt>
                <c:pt idx="8426">
                  <c:v>5.7500000000000002E-2</c:v>
                </c:pt>
                <c:pt idx="8427">
                  <c:v>5.7493000000000002E-2</c:v>
                </c:pt>
                <c:pt idx="8428">
                  <c:v>5.7486000000000002E-2</c:v>
                </c:pt>
                <c:pt idx="8429">
                  <c:v>5.7480000000000003E-2</c:v>
                </c:pt>
                <c:pt idx="8430">
                  <c:v>5.7473000000000003E-2</c:v>
                </c:pt>
                <c:pt idx="8431">
                  <c:v>5.7466000000000003E-2</c:v>
                </c:pt>
                <c:pt idx="8432">
                  <c:v>5.7459000000000003E-2</c:v>
                </c:pt>
                <c:pt idx="8433">
                  <c:v>5.7452999999999997E-2</c:v>
                </c:pt>
                <c:pt idx="8434">
                  <c:v>5.7445999999999997E-2</c:v>
                </c:pt>
                <c:pt idx="8435">
                  <c:v>5.7438999999999997E-2</c:v>
                </c:pt>
                <c:pt idx="8436">
                  <c:v>5.7431999999999997E-2</c:v>
                </c:pt>
                <c:pt idx="8437">
                  <c:v>5.7424999999999997E-2</c:v>
                </c:pt>
                <c:pt idx="8438">
                  <c:v>5.7418999999999998E-2</c:v>
                </c:pt>
                <c:pt idx="8439">
                  <c:v>5.7411999999999998E-2</c:v>
                </c:pt>
                <c:pt idx="8440">
                  <c:v>5.7404999999999998E-2</c:v>
                </c:pt>
                <c:pt idx="8441">
                  <c:v>5.7397999999999998E-2</c:v>
                </c:pt>
                <c:pt idx="8442">
                  <c:v>5.7391999999999999E-2</c:v>
                </c:pt>
                <c:pt idx="8443">
                  <c:v>5.7384999999999999E-2</c:v>
                </c:pt>
                <c:pt idx="8444">
                  <c:v>5.7377999999999998E-2</c:v>
                </c:pt>
                <c:pt idx="8445">
                  <c:v>5.7370999999999998E-2</c:v>
                </c:pt>
                <c:pt idx="8446">
                  <c:v>5.7364999999999999E-2</c:v>
                </c:pt>
                <c:pt idx="8447">
                  <c:v>5.7357999999999999E-2</c:v>
                </c:pt>
                <c:pt idx="8448">
                  <c:v>5.7350999999999999E-2</c:v>
                </c:pt>
                <c:pt idx="8449">
                  <c:v>5.7343999999999999E-2</c:v>
                </c:pt>
                <c:pt idx="8450">
                  <c:v>5.7338E-2</c:v>
                </c:pt>
                <c:pt idx="8451">
                  <c:v>5.7331E-2</c:v>
                </c:pt>
                <c:pt idx="8452">
                  <c:v>5.7324E-2</c:v>
                </c:pt>
                <c:pt idx="8453">
                  <c:v>5.7317E-2</c:v>
                </c:pt>
                <c:pt idx="8454">
                  <c:v>5.7311000000000001E-2</c:v>
                </c:pt>
                <c:pt idx="8455">
                  <c:v>5.7304000000000001E-2</c:v>
                </c:pt>
                <c:pt idx="8456">
                  <c:v>5.7297000000000001E-2</c:v>
                </c:pt>
                <c:pt idx="8457">
                  <c:v>5.7290000000000001E-2</c:v>
                </c:pt>
                <c:pt idx="8458">
                  <c:v>5.7284000000000002E-2</c:v>
                </c:pt>
                <c:pt idx="8459">
                  <c:v>5.7277000000000002E-2</c:v>
                </c:pt>
                <c:pt idx="8460">
                  <c:v>5.7270000000000001E-2</c:v>
                </c:pt>
                <c:pt idx="8461">
                  <c:v>5.7264000000000002E-2</c:v>
                </c:pt>
                <c:pt idx="8462">
                  <c:v>5.7257000000000002E-2</c:v>
                </c:pt>
                <c:pt idx="8463">
                  <c:v>5.7250000000000002E-2</c:v>
                </c:pt>
                <c:pt idx="8464">
                  <c:v>5.7243000000000002E-2</c:v>
                </c:pt>
                <c:pt idx="8465">
                  <c:v>5.7237000000000003E-2</c:v>
                </c:pt>
                <c:pt idx="8466">
                  <c:v>5.7230000000000003E-2</c:v>
                </c:pt>
                <c:pt idx="8467">
                  <c:v>5.7223000000000003E-2</c:v>
                </c:pt>
                <c:pt idx="8468">
                  <c:v>5.7216999999999997E-2</c:v>
                </c:pt>
                <c:pt idx="8469">
                  <c:v>5.7209999999999997E-2</c:v>
                </c:pt>
                <c:pt idx="8470">
                  <c:v>5.7202999999999997E-2</c:v>
                </c:pt>
                <c:pt idx="8471">
                  <c:v>5.7195999999999997E-2</c:v>
                </c:pt>
                <c:pt idx="8472">
                  <c:v>5.7189999999999998E-2</c:v>
                </c:pt>
                <c:pt idx="8473">
                  <c:v>5.7182999999999998E-2</c:v>
                </c:pt>
                <c:pt idx="8474">
                  <c:v>5.7175999999999998E-2</c:v>
                </c:pt>
                <c:pt idx="8475">
                  <c:v>5.7169999999999999E-2</c:v>
                </c:pt>
                <c:pt idx="8476">
                  <c:v>5.7162999999999999E-2</c:v>
                </c:pt>
                <c:pt idx="8477">
                  <c:v>5.7155999999999998E-2</c:v>
                </c:pt>
                <c:pt idx="8478">
                  <c:v>5.7148999999999998E-2</c:v>
                </c:pt>
                <c:pt idx="8479">
                  <c:v>5.7142999999999999E-2</c:v>
                </c:pt>
                <c:pt idx="8480">
                  <c:v>5.7135999999999999E-2</c:v>
                </c:pt>
                <c:pt idx="8481">
                  <c:v>5.7128999999999999E-2</c:v>
                </c:pt>
                <c:pt idx="8482">
                  <c:v>5.7123E-2</c:v>
                </c:pt>
                <c:pt idx="8483">
                  <c:v>5.7116E-2</c:v>
                </c:pt>
                <c:pt idx="8484">
                  <c:v>5.7109E-2</c:v>
                </c:pt>
                <c:pt idx="8485">
                  <c:v>5.7103000000000001E-2</c:v>
                </c:pt>
                <c:pt idx="8486">
                  <c:v>5.7096000000000001E-2</c:v>
                </c:pt>
                <c:pt idx="8487">
                  <c:v>5.7089000000000001E-2</c:v>
                </c:pt>
                <c:pt idx="8488">
                  <c:v>5.7082000000000001E-2</c:v>
                </c:pt>
                <c:pt idx="8489">
                  <c:v>5.7076000000000002E-2</c:v>
                </c:pt>
                <c:pt idx="8490">
                  <c:v>5.7069000000000002E-2</c:v>
                </c:pt>
                <c:pt idx="8491">
                  <c:v>5.7062000000000002E-2</c:v>
                </c:pt>
                <c:pt idx="8492">
                  <c:v>5.7056000000000003E-2</c:v>
                </c:pt>
                <c:pt idx="8493">
                  <c:v>5.7049000000000002E-2</c:v>
                </c:pt>
                <c:pt idx="8494">
                  <c:v>5.7042000000000002E-2</c:v>
                </c:pt>
                <c:pt idx="8495">
                  <c:v>5.7036000000000003E-2</c:v>
                </c:pt>
                <c:pt idx="8496">
                  <c:v>5.7029000000000003E-2</c:v>
                </c:pt>
                <c:pt idx="8497">
                  <c:v>5.7022000000000003E-2</c:v>
                </c:pt>
                <c:pt idx="8498">
                  <c:v>5.7015999999999997E-2</c:v>
                </c:pt>
                <c:pt idx="8499">
                  <c:v>5.7008999999999997E-2</c:v>
                </c:pt>
                <c:pt idx="8500">
                  <c:v>5.7001999999999997E-2</c:v>
                </c:pt>
                <c:pt idx="8501">
                  <c:v>5.6995999999999998E-2</c:v>
                </c:pt>
                <c:pt idx="8502">
                  <c:v>5.6988999999999998E-2</c:v>
                </c:pt>
                <c:pt idx="8503">
                  <c:v>5.6981999999999998E-2</c:v>
                </c:pt>
                <c:pt idx="8504">
                  <c:v>5.6975999999999999E-2</c:v>
                </c:pt>
                <c:pt idx="8505">
                  <c:v>5.6968999999999999E-2</c:v>
                </c:pt>
                <c:pt idx="8506">
                  <c:v>5.6961999999999999E-2</c:v>
                </c:pt>
                <c:pt idx="8507">
                  <c:v>5.6956E-2</c:v>
                </c:pt>
                <c:pt idx="8508">
                  <c:v>5.6949E-2</c:v>
                </c:pt>
                <c:pt idx="8509">
                  <c:v>5.6942E-2</c:v>
                </c:pt>
                <c:pt idx="8510">
                  <c:v>5.6936E-2</c:v>
                </c:pt>
                <c:pt idx="8511">
                  <c:v>5.6929E-2</c:v>
                </c:pt>
                <c:pt idx="8512">
                  <c:v>5.6923000000000001E-2</c:v>
                </c:pt>
                <c:pt idx="8513">
                  <c:v>5.6916000000000001E-2</c:v>
                </c:pt>
                <c:pt idx="8514">
                  <c:v>5.6909000000000001E-2</c:v>
                </c:pt>
                <c:pt idx="8515">
                  <c:v>5.6903000000000002E-2</c:v>
                </c:pt>
                <c:pt idx="8516">
                  <c:v>5.6896000000000002E-2</c:v>
                </c:pt>
                <c:pt idx="8517">
                  <c:v>5.6889000000000002E-2</c:v>
                </c:pt>
                <c:pt idx="8518">
                  <c:v>5.6883000000000003E-2</c:v>
                </c:pt>
                <c:pt idx="8519">
                  <c:v>5.6876000000000003E-2</c:v>
                </c:pt>
                <c:pt idx="8520">
                  <c:v>5.6869000000000003E-2</c:v>
                </c:pt>
                <c:pt idx="8521">
                  <c:v>5.6862999999999997E-2</c:v>
                </c:pt>
                <c:pt idx="8522">
                  <c:v>5.6855999999999997E-2</c:v>
                </c:pt>
                <c:pt idx="8523">
                  <c:v>5.6848999999999997E-2</c:v>
                </c:pt>
                <c:pt idx="8524">
                  <c:v>5.6842999999999998E-2</c:v>
                </c:pt>
                <c:pt idx="8525">
                  <c:v>5.6835999999999998E-2</c:v>
                </c:pt>
                <c:pt idx="8526">
                  <c:v>5.6829999999999999E-2</c:v>
                </c:pt>
                <c:pt idx="8527">
                  <c:v>5.6822999999999999E-2</c:v>
                </c:pt>
                <c:pt idx="8528">
                  <c:v>5.6815999999999998E-2</c:v>
                </c:pt>
                <c:pt idx="8529">
                  <c:v>5.6809999999999999E-2</c:v>
                </c:pt>
                <c:pt idx="8530">
                  <c:v>5.6802999999999999E-2</c:v>
                </c:pt>
                <c:pt idx="8531">
                  <c:v>5.6795999999999999E-2</c:v>
                </c:pt>
                <c:pt idx="8532">
                  <c:v>5.679E-2</c:v>
                </c:pt>
                <c:pt idx="8533">
                  <c:v>5.6783E-2</c:v>
                </c:pt>
                <c:pt idx="8534">
                  <c:v>5.6777000000000001E-2</c:v>
                </c:pt>
                <c:pt idx="8535">
                  <c:v>5.6770000000000001E-2</c:v>
                </c:pt>
                <c:pt idx="8536">
                  <c:v>5.6763000000000001E-2</c:v>
                </c:pt>
                <c:pt idx="8537">
                  <c:v>5.6757000000000002E-2</c:v>
                </c:pt>
                <c:pt idx="8538">
                  <c:v>5.6750000000000002E-2</c:v>
                </c:pt>
                <c:pt idx="8539">
                  <c:v>5.6744000000000003E-2</c:v>
                </c:pt>
                <c:pt idx="8540">
                  <c:v>5.6737000000000003E-2</c:v>
                </c:pt>
                <c:pt idx="8541">
                  <c:v>5.6730000000000003E-2</c:v>
                </c:pt>
                <c:pt idx="8542">
                  <c:v>5.6723999999999997E-2</c:v>
                </c:pt>
                <c:pt idx="8543">
                  <c:v>5.6716999999999997E-2</c:v>
                </c:pt>
                <c:pt idx="8544">
                  <c:v>5.6710999999999998E-2</c:v>
                </c:pt>
                <c:pt idx="8545">
                  <c:v>5.6703999999999997E-2</c:v>
                </c:pt>
                <c:pt idx="8546">
                  <c:v>5.6696999999999997E-2</c:v>
                </c:pt>
                <c:pt idx="8547">
                  <c:v>5.6690999999999998E-2</c:v>
                </c:pt>
                <c:pt idx="8548">
                  <c:v>5.6683999999999998E-2</c:v>
                </c:pt>
                <c:pt idx="8549">
                  <c:v>5.6677999999999999E-2</c:v>
                </c:pt>
                <c:pt idx="8550">
                  <c:v>5.6670999999999999E-2</c:v>
                </c:pt>
                <c:pt idx="8551">
                  <c:v>5.6663999999999999E-2</c:v>
                </c:pt>
                <c:pt idx="8552">
                  <c:v>5.6658E-2</c:v>
                </c:pt>
                <c:pt idx="8553">
                  <c:v>5.6651E-2</c:v>
                </c:pt>
                <c:pt idx="8554">
                  <c:v>5.6645000000000001E-2</c:v>
                </c:pt>
                <c:pt idx="8555">
                  <c:v>5.6638000000000001E-2</c:v>
                </c:pt>
                <c:pt idx="8556">
                  <c:v>5.6632000000000002E-2</c:v>
                </c:pt>
                <c:pt idx="8557">
                  <c:v>5.6625000000000002E-2</c:v>
                </c:pt>
                <c:pt idx="8558">
                  <c:v>5.6618000000000002E-2</c:v>
                </c:pt>
                <c:pt idx="8559">
                  <c:v>5.6612000000000003E-2</c:v>
                </c:pt>
                <c:pt idx="8560">
                  <c:v>5.6605000000000003E-2</c:v>
                </c:pt>
                <c:pt idx="8561">
                  <c:v>5.6598999999999997E-2</c:v>
                </c:pt>
                <c:pt idx="8562">
                  <c:v>5.6592000000000003E-2</c:v>
                </c:pt>
                <c:pt idx="8563">
                  <c:v>5.6585000000000003E-2</c:v>
                </c:pt>
                <c:pt idx="8564">
                  <c:v>5.6578999999999997E-2</c:v>
                </c:pt>
                <c:pt idx="8565">
                  <c:v>5.6571999999999997E-2</c:v>
                </c:pt>
                <c:pt idx="8566">
                  <c:v>5.6565999999999998E-2</c:v>
                </c:pt>
                <c:pt idx="8567">
                  <c:v>5.6558999999999998E-2</c:v>
                </c:pt>
                <c:pt idx="8568">
                  <c:v>5.6552999999999999E-2</c:v>
                </c:pt>
                <c:pt idx="8569">
                  <c:v>5.6545999999999999E-2</c:v>
                </c:pt>
                <c:pt idx="8570">
                  <c:v>5.654E-2</c:v>
                </c:pt>
                <c:pt idx="8571">
                  <c:v>5.6533E-2</c:v>
                </c:pt>
                <c:pt idx="8572">
                  <c:v>5.6526E-2</c:v>
                </c:pt>
                <c:pt idx="8573">
                  <c:v>5.6520000000000001E-2</c:v>
                </c:pt>
                <c:pt idx="8574">
                  <c:v>5.6513000000000001E-2</c:v>
                </c:pt>
                <c:pt idx="8575">
                  <c:v>5.6507000000000002E-2</c:v>
                </c:pt>
                <c:pt idx="8576">
                  <c:v>5.6500000000000002E-2</c:v>
                </c:pt>
                <c:pt idx="8577">
                  <c:v>5.6494000000000003E-2</c:v>
                </c:pt>
                <c:pt idx="8578">
                  <c:v>5.6487000000000002E-2</c:v>
                </c:pt>
                <c:pt idx="8579">
                  <c:v>5.6481000000000003E-2</c:v>
                </c:pt>
                <c:pt idx="8580">
                  <c:v>5.6474000000000003E-2</c:v>
                </c:pt>
                <c:pt idx="8581">
                  <c:v>5.6467000000000003E-2</c:v>
                </c:pt>
                <c:pt idx="8582">
                  <c:v>5.6460999999999997E-2</c:v>
                </c:pt>
                <c:pt idx="8583">
                  <c:v>5.6453999999999997E-2</c:v>
                </c:pt>
                <c:pt idx="8584">
                  <c:v>5.6447999999999998E-2</c:v>
                </c:pt>
                <c:pt idx="8585">
                  <c:v>5.6440999999999998E-2</c:v>
                </c:pt>
                <c:pt idx="8586">
                  <c:v>5.6434999999999999E-2</c:v>
                </c:pt>
                <c:pt idx="8587">
                  <c:v>5.6427999999999999E-2</c:v>
                </c:pt>
                <c:pt idx="8588">
                  <c:v>5.6422E-2</c:v>
                </c:pt>
                <c:pt idx="8589">
                  <c:v>5.6415E-2</c:v>
                </c:pt>
                <c:pt idx="8590">
                  <c:v>5.6409000000000001E-2</c:v>
                </c:pt>
                <c:pt idx="8591">
                  <c:v>5.6402000000000001E-2</c:v>
                </c:pt>
                <c:pt idx="8592">
                  <c:v>5.6396000000000002E-2</c:v>
                </c:pt>
                <c:pt idx="8593">
                  <c:v>5.6389000000000002E-2</c:v>
                </c:pt>
                <c:pt idx="8594">
                  <c:v>5.6383000000000003E-2</c:v>
                </c:pt>
                <c:pt idx="8595">
                  <c:v>5.6376000000000002E-2</c:v>
                </c:pt>
                <c:pt idx="8596">
                  <c:v>5.6370000000000003E-2</c:v>
                </c:pt>
                <c:pt idx="8597">
                  <c:v>5.6363000000000003E-2</c:v>
                </c:pt>
                <c:pt idx="8598">
                  <c:v>5.6356000000000003E-2</c:v>
                </c:pt>
                <c:pt idx="8599">
                  <c:v>5.6349999999999997E-2</c:v>
                </c:pt>
                <c:pt idx="8600">
                  <c:v>5.6342999999999997E-2</c:v>
                </c:pt>
                <c:pt idx="8601">
                  <c:v>5.6336999999999998E-2</c:v>
                </c:pt>
                <c:pt idx="8602">
                  <c:v>5.6329999999999998E-2</c:v>
                </c:pt>
                <c:pt idx="8603">
                  <c:v>5.6323999999999999E-2</c:v>
                </c:pt>
                <c:pt idx="8604">
                  <c:v>5.6316999999999999E-2</c:v>
                </c:pt>
                <c:pt idx="8605">
                  <c:v>5.6311E-2</c:v>
                </c:pt>
                <c:pt idx="8606">
                  <c:v>5.6304E-2</c:v>
                </c:pt>
                <c:pt idx="8607">
                  <c:v>5.6298000000000001E-2</c:v>
                </c:pt>
                <c:pt idx="8608">
                  <c:v>5.6291000000000001E-2</c:v>
                </c:pt>
                <c:pt idx="8609">
                  <c:v>5.6285000000000002E-2</c:v>
                </c:pt>
                <c:pt idx="8610">
                  <c:v>5.6278000000000002E-2</c:v>
                </c:pt>
                <c:pt idx="8611">
                  <c:v>5.6272000000000003E-2</c:v>
                </c:pt>
                <c:pt idx="8612">
                  <c:v>5.6265000000000003E-2</c:v>
                </c:pt>
                <c:pt idx="8613">
                  <c:v>5.6259000000000003E-2</c:v>
                </c:pt>
                <c:pt idx="8614">
                  <c:v>5.6252000000000003E-2</c:v>
                </c:pt>
                <c:pt idx="8615">
                  <c:v>5.6245999999999997E-2</c:v>
                </c:pt>
                <c:pt idx="8616">
                  <c:v>5.6238999999999997E-2</c:v>
                </c:pt>
                <c:pt idx="8617">
                  <c:v>5.6232999999999998E-2</c:v>
                </c:pt>
                <c:pt idx="8618">
                  <c:v>5.6225999999999998E-2</c:v>
                </c:pt>
                <c:pt idx="8619">
                  <c:v>5.6219999999999999E-2</c:v>
                </c:pt>
                <c:pt idx="8620">
                  <c:v>5.6214E-2</c:v>
                </c:pt>
                <c:pt idx="8621">
                  <c:v>5.6207E-2</c:v>
                </c:pt>
                <c:pt idx="8622">
                  <c:v>5.6201000000000001E-2</c:v>
                </c:pt>
                <c:pt idx="8623">
                  <c:v>5.6194000000000001E-2</c:v>
                </c:pt>
                <c:pt idx="8624">
                  <c:v>5.6188000000000002E-2</c:v>
                </c:pt>
                <c:pt idx="8625">
                  <c:v>5.6181000000000002E-2</c:v>
                </c:pt>
                <c:pt idx="8626">
                  <c:v>5.6175000000000003E-2</c:v>
                </c:pt>
                <c:pt idx="8627">
                  <c:v>5.6168000000000003E-2</c:v>
                </c:pt>
                <c:pt idx="8628">
                  <c:v>5.6161999999999997E-2</c:v>
                </c:pt>
                <c:pt idx="8629">
                  <c:v>5.6154999999999997E-2</c:v>
                </c:pt>
                <c:pt idx="8630">
                  <c:v>5.6148999999999998E-2</c:v>
                </c:pt>
                <c:pt idx="8631">
                  <c:v>5.6141999999999997E-2</c:v>
                </c:pt>
                <c:pt idx="8632">
                  <c:v>5.6135999999999998E-2</c:v>
                </c:pt>
                <c:pt idx="8633">
                  <c:v>5.6128999999999998E-2</c:v>
                </c:pt>
                <c:pt idx="8634">
                  <c:v>5.6122999999999999E-2</c:v>
                </c:pt>
                <c:pt idx="8635">
                  <c:v>5.6115999999999999E-2</c:v>
                </c:pt>
                <c:pt idx="8636">
                  <c:v>5.611E-2</c:v>
                </c:pt>
                <c:pt idx="8637">
                  <c:v>5.6104000000000001E-2</c:v>
                </c:pt>
                <c:pt idx="8638">
                  <c:v>5.6097000000000001E-2</c:v>
                </c:pt>
                <c:pt idx="8639">
                  <c:v>5.6091000000000002E-2</c:v>
                </c:pt>
                <c:pt idx="8640">
                  <c:v>5.6084000000000002E-2</c:v>
                </c:pt>
                <c:pt idx="8641">
                  <c:v>5.6078000000000003E-2</c:v>
                </c:pt>
                <c:pt idx="8642">
                  <c:v>5.6071000000000003E-2</c:v>
                </c:pt>
                <c:pt idx="8643">
                  <c:v>5.6064999999999997E-2</c:v>
                </c:pt>
                <c:pt idx="8644">
                  <c:v>5.6057999999999997E-2</c:v>
                </c:pt>
                <c:pt idx="8645">
                  <c:v>5.6051999999999998E-2</c:v>
                </c:pt>
                <c:pt idx="8646">
                  <c:v>5.6044999999999998E-2</c:v>
                </c:pt>
                <c:pt idx="8647">
                  <c:v>5.6038999999999999E-2</c:v>
                </c:pt>
                <c:pt idx="8648">
                  <c:v>5.6032999999999999E-2</c:v>
                </c:pt>
                <c:pt idx="8649">
                  <c:v>5.6025999999999999E-2</c:v>
                </c:pt>
                <c:pt idx="8650">
                  <c:v>5.602E-2</c:v>
                </c:pt>
                <c:pt idx="8651">
                  <c:v>5.6013E-2</c:v>
                </c:pt>
                <c:pt idx="8652">
                  <c:v>5.6007000000000001E-2</c:v>
                </c:pt>
                <c:pt idx="8653">
                  <c:v>5.6000000000000001E-2</c:v>
                </c:pt>
                <c:pt idx="8654">
                  <c:v>5.5994000000000002E-2</c:v>
                </c:pt>
                <c:pt idx="8655">
                  <c:v>5.5988000000000003E-2</c:v>
                </c:pt>
                <c:pt idx="8656">
                  <c:v>5.5981000000000003E-2</c:v>
                </c:pt>
                <c:pt idx="8657">
                  <c:v>5.5974999999999997E-2</c:v>
                </c:pt>
                <c:pt idx="8658">
                  <c:v>5.5967999999999997E-2</c:v>
                </c:pt>
                <c:pt idx="8659">
                  <c:v>5.5961999999999998E-2</c:v>
                </c:pt>
                <c:pt idx="8660">
                  <c:v>5.5954999999999998E-2</c:v>
                </c:pt>
                <c:pt idx="8661">
                  <c:v>5.5948999999999999E-2</c:v>
                </c:pt>
                <c:pt idx="8662">
                  <c:v>5.5943E-2</c:v>
                </c:pt>
                <c:pt idx="8663">
                  <c:v>5.5936E-2</c:v>
                </c:pt>
                <c:pt idx="8664">
                  <c:v>5.5930000000000001E-2</c:v>
                </c:pt>
                <c:pt idx="8665">
                  <c:v>5.5923E-2</c:v>
                </c:pt>
                <c:pt idx="8666">
                  <c:v>5.5917000000000001E-2</c:v>
                </c:pt>
                <c:pt idx="8667">
                  <c:v>5.5910000000000001E-2</c:v>
                </c:pt>
                <c:pt idx="8668">
                  <c:v>5.5904000000000002E-2</c:v>
                </c:pt>
                <c:pt idx="8669">
                  <c:v>5.5898000000000003E-2</c:v>
                </c:pt>
                <c:pt idx="8670">
                  <c:v>5.5891000000000003E-2</c:v>
                </c:pt>
                <c:pt idx="8671">
                  <c:v>5.5884999999999997E-2</c:v>
                </c:pt>
                <c:pt idx="8672">
                  <c:v>5.5877999999999997E-2</c:v>
                </c:pt>
                <c:pt idx="8673">
                  <c:v>5.5871999999999998E-2</c:v>
                </c:pt>
                <c:pt idx="8674">
                  <c:v>5.5865999999999999E-2</c:v>
                </c:pt>
                <c:pt idx="8675">
                  <c:v>5.5858999999999999E-2</c:v>
                </c:pt>
                <c:pt idx="8676">
                  <c:v>5.5853E-2</c:v>
                </c:pt>
                <c:pt idx="8677">
                  <c:v>5.5846E-2</c:v>
                </c:pt>
                <c:pt idx="8678">
                  <c:v>5.5840000000000001E-2</c:v>
                </c:pt>
                <c:pt idx="8679">
                  <c:v>5.5834000000000002E-2</c:v>
                </c:pt>
                <c:pt idx="8680">
                  <c:v>5.5827000000000002E-2</c:v>
                </c:pt>
                <c:pt idx="8681">
                  <c:v>5.5821000000000003E-2</c:v>
                </c:pt>
                <c:pt idx="8682">
                  <c:v>5.5814000000000002E-2</c:v>
                </c:pt>
                <c:pt idx="8683">
                  <c:v>5.5808000000000003E-2</c:v>
                </c:pt>
                <c:pt idx="8684">
                  <c:v>5.5801999999999997E-2</c:v>
                </c:pt>
                <c:pt idx="8685">
                  <c:v>5.5794999999999997E-2</c:v>
                </c:pt>
                <c:pt idx="8686">
                  <c:v>5.5788999999999998E-2</c:v>
                </c:pt>
                <c:pt idx="8687">
                  <c:v>5.5781999999999998E-2</c:v>
                </c:pt>
                <c:pt idx="8688">
                  <c:v>5.5775999999999999E-2</c:v>
                </c:pt>
                <c:pt idx="8689">
                  <c:v>5.577E-2</c:v>
                </c:pt>
                <c:pt idx="8690">
                  <c:v>5.5763E-2</c:v>
                </c:pt>
                <c:pt idx="8691">
                  <c:v>5.5757000000000001E-2</c:v>
                </c:pt>
                <c:pt idx="8692">
                  <c:v>5.5751000000000002E-2</c:v>
                </c:pt>
                <c:pt idx="8693">
                  <c:v>5.5744000000000002E-2</c:v>
                </c:pt>
                <c:pt idx="8694">
                  <c:v>5.5738000000000003E-2</c:v>
                </c:pt>
                <c:pt idx="8695">
                  <c:v>5.5731000000000003E-2</c:v>
                </c:pt>
                <c:pt idx="8696">
                  <c:v>5.5724999999999997E-2</c:v>
                </c:pt>
                <c:pt idx="8697">
                  <c:v>5.5718999999999998E-2</c:v>
                </c:pt>
                <c:pt idx="8698">
                  <c:v>5.5711999999999998E-2</c:v>
                </c:pt>
                <c:pt idx="8699">
                  <c:v>5.5705999999999999E-2</c:v>
                </c:pt>
                <c:pt idx="8700">
                  <c:v>5.57E-2</c:v>
                </c:pt>
                <c:pt idx="8701">
                  <c:v>5.5692999999999999E-2</c:v>
                </c:pt>
                <c:pt idx="8702">
                  <c:v>5.5687E-2</c:v>
                </c:pt>
                <c:pt idx="8703">
                  <c:v>5.5681000000000001E-2</c:v>
                </c:pt>
                <c:pt idx="8704">
                  <c:v>5.5674000000000001E-2</c:v>
                </c:pt>
                <c:pt idx="8705">
                  <c:v>5.5668000000000002E-2</c:v>
                </c:pt>
                <c:pt idx="8706">
                  <c:v>5.5661000000000002E-2</c:v>
                </c:pt>
                <c:pt idx="8707">
                  <c:v>5.5655000000000003E-2</c:v>
                </c:pt>
                <c:pt idx="8708">
                  <c:v>5.5648999999999997E-2</c:v>
                </c:pt>
                <c:pt idx="8709">
                  <c:v>5.5641999999999997E-2</c:v>
                </c:pt>
                <c:pt idx="8710">
                  <c:v>5.5635999999999998E-2</c:v>
                </c:pt>
                <c:pt idx="8711">
                  <c:v>5.5629999999999999E-2</c:v>
                </c:pt>
                <c:pt idx="8712">
                  <c:v>5.5622999999999999E-2</c:v>
                </c:pt>
                <c:pt idx="8713">
                  <c:v>5.5617E-2</c:v>
                </c:pt>
                <c:pt idx="8714">
                  <c:v>5.5611000000000001E-2</c:v>
                </c:pt>
                <c:pt idx="8715">
                  <c:v>5.5604000000000001E-2</c:v>
                </c:pt>
                <c:pt idx="8716">
                  <c:v>5.5598000000000002E-2</c:v>
                </c:pt>
                <c:pt idx="8717">
                  <c:v>5.5592000000000003E-2</c:v>
                </c:pt>
                <c:pt idx="8718">
                  <c:v>5.5585000000000002E-2</c:v>
                </c:pt>
                <c:pt idx="8719">
                  <c:v>5.5579000000000003E-2</c:v>
                </c:pt>
                <c:pt idx="8720">
                  <c:v>5.5572999999999997E-2</c:v>
                </c:pt>
                <c:pt idx="8721">
                  <c:v>5.5565999999999997E-2</c:v>
                </c:pt>
                <c:pt idx="8722">
                  <c:v>5.5559999999999998E-2</c:v>
                </c:pt>
                <c:pt idx="8723">
                  <c:v>5.5553999999999999E-2</c:v>
                </c:pt>
                <c:pt idx="8724">
                  <c:v>5.5546999999999999E-2</c:v>
                </c:pt>
                <c:pt idx="8725">
                  <c:v>5.5541E-2</c:v>
                </c:pt>
                <c:pt idx="8726">
                  <c:v>5.5535000000000001E-2</c:v>
                </c:pt>
                <c:pt idx="8727">
                  <c:v>5.5528000000000001E-2</c:v>
                </c:pt>
                <c:pt idx="8728">
                  <c:v>5.5522000000000002E-2</c:v>
                </c:pt>
                <c:pt idx="8729">
                  <c:v>5.5516000000000003E-2</c:v>
                </c:pt>
                <c:pt idx="8730">
                  <c:v>5.5509000000000003E-2</c:v>
                </c:pt>
                <c:pt idx="8731">
                  <c:v>5.5502999999999997E-2</c:v>
                </c:pt>
                <c:pt idx="8732">
                  <c:v>5.5496999999999998E-2</c:v>
                </c:pt>
                <c:pt idx="8733">
                  <c:v>5.5489999999999998E-2</c:v>
                </c:pt>
                <c:pt idx="8734">
                  <c:v>5.5483999999999999E-2</c:v>
                </c:pt>
                <c:pt idx="8735">
                  <c:v>5.5478E-2</c:v>
                </c:pt>
                <c:pt idx="8736">
                  <c:v>5.5470999999999999E-2</c:v>
                </c:pt>
                <c:pt idx="8737">
                  <c:v>5.5465E-2</c:v>
                </c:pt>
                <c:pt idx="8738">
                  <c:v>5.5459000000000001E-2</c:v>
                </c:pt>
                <c:pt idx="8739">
                  <c:v>5.5453000000000002E-2</c:v>
                </c:pt>
                <c:pt idx="8740">
                  <c:v>5.5446000000000002E-2</c:v>
                </c:pt>
                <c:pt idx="8741">
                  <c:v>5.5440000000000003E-2</c:v>
                </c:pt>
                <c:pt idx="8742">
                  <c:v>5.5433999999999997E-2</c:v>
                </c:pt>
                <c:pt idx="8743">
                  <c:v>5.5426999999999997E-2</c:v>
                </c:pt>
                <c:pt idx="8744">
                  <c:v>5.5420999999999998E-2</c:v>
                </c:pt>
                <c:pt idx="8745">
                  <c:v>5.5414999999999999E-2</c:v>
                </c:pt>
                <c:pt idx="8746">
                  <c:v>5.5407999999999999E-2</c:v>
                </c:pt>
                <c:pt idx="8747">
                  <c:v>5.5402E-2</c:v>
                </c:pt>
                <c:pt idx="8748">
                  <c:v>5.5396000000000001E-2</c:v>
                </c:pt>
                <c:pt idx="8749">
                  <c:v>5.5389000000000001E-2</c:v>
                </c:pt>
                <c:pt idx="8750">
                  <c:v>5.5383000000000002E-2</c:v>
                </c:pt>
                <c:pt idx="8751">
                  <c:v>5.5377000000000003E-2</c:v>
                </c:pt>
                <c:pt idx="8752">
                  <c:v>5.5370999999999997E-2</c:v>
                </c:pt>
                <c:pt idx="8753">
                  <c:v>5.5363999999999997E-2</c:v>
                </c:pt>
                <c:pt idx="8754">
                  <c:v>5.5357999999999997E-2</c:v>
                </c:pt>
                <c:pt idx="8755">
                  <c:v>5.5351999999999998E-2</c:v>
                </c:pt>
                <c:pt idx="8756">
                  <c:v>5.5344999999999998E-2</c:v>
                </c:pt>
                <c:pt idx="8757">
                  <c:v>5.5338999999999999E-2</c:v>
                </c:pt>
                <c:pt idx="8758">
                  <c:v>5.5333E-2</c:v>
                </c:pt>
                <c:pt idx="8759">
                  <c:v>5.5327000000000001E-2</c:v>
                </c:pt>
                <c:pt idx="8760">
                  <c:v>5.5320000000000001E-2</c:v>
                </c:pt>
                <c:pt idx="8761">
                  <c:v>5.5314000000000002E-2</c:v>
                </c:pt>
                <c:pt idx="8762">
                  <c:v>5.5308000000000003E-2</c:v>
                </c:pt>
                <c:pt idx="8763">
                  <c:v>5.5301999999999997E-2</c:v>
                </c:pt>
                <c:pt idx="8764">
                  <c:v>5.5294999999999997E-2</c:v>
                </c:pt>
                <c:pt idx="8765">
                  <c:v>5.5288999999999998E-2</c:v>
                </c:pt>
                <c:pt idx="8766">
                  <c:v>5.5282999999999999E-2</c:v>
                </c:pt>
                <c:pt idx="8767">
                  <c:v>5.5275999999999999E-2</c:v>
                </c:pt>
                <c:pt idx="8768">
                  <c:v>5.527E-2</c:v>
                </c:pt>
                <c:pt idx="8769">
                  <c:v>5.5264000000000001E-2</c:v>
                </c:pt>
                <c:pt idx="8770">
                  <c:v>5.5258000000000002E-2</c:v>
                </c:pt>
                <c:pt idx="8771">
                  <c:v>5.5251000000000001E-2</c:v>
                </c:pt>
                <c:pt idx="8772">
                  <c:v>5.5245000000000002E-2</c:v>
                </c:pt>
                <c:pt idx="8773">
                  <c:v>5.5239000000000003E-2</c:v>
                </c:pt>
                <c:pt idx="8774">
                  <c:v>5.5232999999999997E-2</c:v>
                </c:pt>
                <c:pt idx="8775">
                  <c:v>5.5225999999999997E-2</c:v>
                </c:pt>
                <c:pt idx="8776">
                  <c:v>5.5219999999999998E-2</c:v>
                </c:pt>
                <c:pt idx="8777">
                  <c:v>5.5213999999999999E-2</c:v>
                </c:pt>
                <c:pt idx="8778">
                  <c:v>5.5208E-2</c:v>
                </c:pt>
                <c:pt idx="8779">
                  <c:v>5.5201E-2</c:v>
                </c:pt>
                <c:pt idx="8780">
                  <c:v>5.5195000000000001E-2</c:v>
                </c:pt>
                <c:pt idx="8781">
                  <c:v>5.5189000000000002E-2</c:v>
                </c:pt>
                <c:pt idx="8782">
                  <c:v>5.5183000000000003E-2</c:v>
                </c:pt>
                <c:pt idx="8783">
                  <c:v>5.5176000000000003E-2</c:v>
                </c:pt>
                <c:pt idx="8784">
                  <c:v>5.5169999999999997E-2</c:v>
                </c:pt>
                <c:pt idx="8785">
                  <c:v>5.5163999999999998E-2</c:v>
                </c:pt>
                <c:pt idx="8786">
                  <c:v>5.5157999999999999E-2</c:v>
                </c:pt>
                <c:pt idx="8787">
                  <c:v>5.5150999999999999E-2</c:v>
                </c:pt>
                <c:pt idx="8788">
                  <c:v>5.5145E-2</c:v>
                </c:pt>
                <c:pt idx="8789">
                  <c:v>5.5139000000000001E-2</c:v>
                </c:pt>
                <c:pt idx="8790">
                  <c:v>5.5133000000000001E-2</c:v>
                </c:pt>
                <c:pt idx="8791">
                  <c:v>5.5126000000000001E-2</c:v>
                </c:pt>
                <c:pt idx="8792">
                  <c:v>5.5120000000000002E-2</c:v>
                </c:pt>
                <c:pt idx="8793">
                  <c:v>5.5114000000000003E-2</c:v>
                </c:pt>
                <c:pt idx="8794">
                  <c:v>5.5107999999999997E-2</c:v>
                </c:pt>
                <c:pt idx="8795">
                  <c:v>5.5100999999999997E-2</c:v>
                </c:pt>
                <c:pt idx="8796">
                  <c:v>5.5094999999999998E-2</c:v>
                </c:pt>
                <c:pt idx="8797">
                  <c:v>5.5088999999999999E-2</c:v>
                </c:pt>
                <c:pt idx="8798">
                  <c:v>5.5083E-2</c:v>
                </c:pt>
                <c:pt idx="8799">
                  <c:v>5.5077000000000001E-2</c:v>
                </c:pt>
                <c:pt idx="8800">
                  <c:v>5.5070000000000001E-2</c:v>
                </c:pt>
                <c:pt idx="8801">
                  <c:v>5.5064000000000002E-2</c:v>
                </c:pt>
                <c:pt idx="8802">
                  <c:v>5.5058000000000003E-2</c:v>
                </c:pt>
                <c:pt idx="8803">
                  <c:v>5.5051999999999997E-2</c:v>
                </c:pt>
                <c:pt idx="8804">
                  <c:v>5.5044999999999997E-2</c:v>
                </c:pt>
                <c:pt idx="8805">
                  <c:v>5.5038999999999998E-2</c:v>
                </c:pt>
                <c:pt idx="8806">
                  <c:v>5.5032999999999999E-2</c:v>
                </c:pt>
                <c:pt idx="8807">
                  <c:v>5.5027E-2</c:v>
                </c:pt>
                <c:pt idx="8808">
                  <c:v>5.5021E-2</c:v>
                </c:pt>
                <c:pt idx="8809">
                  <c:v>5.5014E-2</c:v>
                </c:pt>
                <c:pt idx="8810">
                  <c:v>5.5008000000000001E-2</c:v>
                </c:pt>
                <c:pt idx="8811">
                  <c:v>5.5002000000000002E-2</c:v>
                </c:pt>
                <c:pt idx="8812">
                  <c:v>5.4996000000000003E-2</c:v>
                </c:pt>
                <c:pt idx="8813">
                  <c:v>5.4989999999999997E-2</c:v>
                </c:pt>
                <c:pt idx="8814">
                  <c:v>5.4982999999999997E-2</c:v>
                </c:pt>
                <c:pt idx="8815">
                  <c:v>5.4976999999999998E-2</c:v>
                </c:pt>
                <c:pt idx="8816">
                  <c:v>5.4970999999999999E-2</c:v>
                </c:pt>
                <c:pt idx="8817">
                  <c:v>5.4965E-2</c:v>
                </c:pt>
                <c:pt idx="8818">
                  <c:v>5.4959000000000001E-2</c:v>
                </c:pt>
                <c:pt idx="8819">
                  <c:v>5.4952000000000001E-2</c:v>
                </c:pt>
                <c:pt idx="8820">
                  <c:v>5.4946000000000002E-2</c:v>
                </c:pt>
                <c:pt idx="8821">
                  <c:v>5.4940000000000003E-2</c:v>
                </c:pt>
                <c:pt idx="8822">
                  <c:v>5.4933999999999997E-2</c:v>
                </c:pt>
                <c:pt idx="8823">
                  <c:v>5.4927999999999998E-2</c:v>
                </c:pt>
                <c:pt idx="8824">
                  <c:v>5.4920999999999998E-2</c:v>
                </c:pt>
                <c:pt idx="8825">
                  <c:v>5.4914999999999999E-2</c:v>
                </c:pt>
                <c:pt idx="8826">
                  <c:v>5.4908999999999999E-2</c:v>
                </c:pt>
                <c:pt idx="8827">
                  <c:v>5.4903E-2</c:v>
                </c:pt>
                <c:pt idx="8828">
                  <c:v>5.4897000000000001E-2</c:v>
                </c:pt>
                <c:pt idx="8829">
                  <c:v>5.4891000000000002E-2</c:v>
                </c:pt>
                <c:pt idx="8830">
                  <c:v>5.4884000000000002E-2</c:v>
                </c:pt>
                <c:pt idx="8831">
                  <c:v>5.4878000000000003E-2</c:v>
                </c:pt>
                <c:pt idx="8832">
                  <c:v>5.4871999999999997E-2</c:v>
                </c:pt>
                <c:pt idx="8833">
                  <c:v>5.4865999999999998E-2</c:v>
                </c:pt>
                <c:pt idx="8834">
                  <c:v>5.4859999999999999E-2</c:v>
                </c:pt>
                <c:pt idx="8835">
                  <c:v>5.4852999999999999E-2</c:v>
                </c:pt>
                <c:pt idx="8836">
                  <c:v>5.4847E-2</c:v>
                </c:pt>
                <c:pt idx="8837">
                  <c:v>5.4841000000000001E-2</c:v>
                </c:pt>
                <c:pt idx="8838">
                  <c:v>5.4835000000000002E-2</c:v>
                </c:pt>
                <c:pt idx="8839">
                  <c:v>5.4829000000000003E-2</c:v>
                </c:pt>
                <c:pt idx="8840">
                  <c:v>5.4822999999999997E-2</c:v>
                </c:pt>
                <c:pt idx="8841">
                  <c:v>5.4815999999999997E-2</c:v>
                </c:pt>
                <c:pt idx="8842">
                  <c:v>5.4809999999999998E-2</c:v>
                </c:pt>
                <c:pt idx="8843">
                  <c:v>5.4803999999999999E-2</c:v>
                </c:pt>
                <c:pt idx="8844">
                  <c:v>5.4797999999999999E-2</c:v>
                </c:pt>
                <c:pt idx="8845">
                  <c:v>5.4792E-2</c:v>
                </c:pt>
                <c:pt idx="8846">
                  <c:v>5.4786000000000001E-2</c:v>
                </c:pt>
                <c:pt idx="8847">
                  <c:v>5.4779000000000001E-2</c:v>
                </c:pt>
                <c:pt idx="8848">
                  <c:v>5.4773000000000002E-2</c:v>
                </c:pt>
                <c:pt idx="8849">
                  <c:v>5.4767000000000003E-2</c:v>
                </c:pt>
                <c:pt idx="8850">
                  <c:v>5.4760999999999997E-2</c:v>
                </c:pt>
                <c:pt idx="8851">
                  <c:v>5.4754999999999998E-2</c:v>
                </c:pt>
                <c:pt idx="8852">
                  <c:v>5.4748999999999999E-2</c:v>
                </c:pt>
                <c:pt idx="8853">
                  <c:v>5.4743E-2</c:v>
                </c:pt>
                <c:pt idx="8854">
                  <c:v>5.4736E-2</c:v>
                </c:pt>
                <c:pt idx="8855">
                  <c:v>5.4730000000000001E-2</c:v>
                </c:pt>
                <c:pt idx="8856">
                  <c:v>5.4724000000000002E-2</c:v>
                </c:pt>
                <c:pt idx="8857">
                  <c:v>5.4718000000000003E-2</c:v>
                </c:pt>
                <c:pt idx="8858">
                  <c:v>5.4711999999999997E-2</c:v>
                </c:pt>
                <c:pt idx="8859">
                  <c:v>5.4705999999999998E-2</c:v>
                </c:pt>
                <c:pt idx="8860">
                  <c:v>5.4699999999999999E-2</c:v>
                </c:pt>
                <c:pt idx="8861">
                  <c:v>5.4692999999999999E-2</c:v>
                </c:pt>
                <c:pt idx="8862">
                  <c:v>5.4686999999999999E-2</c:v>
                </c:pt>
                <c:pt idx="8863">
                  <c:v>5.4681E-2</c:v>
                </c:pt>
                <c:pt idx="8864">
                  <c:v>5.4675000000000001E-2</c:v>
                </c:pt>
                <c:pt idx="8865">
                  <c:v>5.4669000000000002E-2</c:v>
                </c:pt>
                <c:pt idx="8866">
                  <c:v>5.4663000000000003E-2</c:v>
                </c:pt>
                <c:pt idx="8867">
                  <c:v>5.4656999999999997E-2</c:v>
                </c:pt>
                <c:pt idx="8868">
                  <c:v>5.4650999999999998E-2</c:v>
                </c:pt>
                <c:pt idx="8869">
                  <c:v>5.4643999999999998E-2</c:v>
                </c:pt>
                <c:pt idx="8870">
                  <c:v>5.4637999999999999E-2</c:v>
                </c:pt>
                <c:pt idx="8871">
                  <c:v>5.4632E-2</c:v>
                </c:pt>
                <c:pt idx="8872">
                  <c:v>5.4626000000000001E-2</c:v>
                </c:pt>
                <c:pt idx="8873">
                  <c:v>5.4620000000000002E-2</c:v>
                </c:pt>
                <c:pt idx="8874">
                  <c:v>5.4614000000000003E-2</c:v>
                </c:pt>
                <c:pt idx="8875">
                  <c:v>5.4607999999999997E-2</c:v>
                </c:pt>
                <c:pt idx="8876">
                  <c:v>5.4601999999999998E-2</c:v>
                </c:pt>
                <c:pt idx="8877">
                  <c:v>5.4594999999999998E-2</c:v>
                </c:pt>
                <c:pt idx="8878">
                  <c:v>5.4588999999999999E-2</c:v>
                </c:pt>
                <c:pt idx="8879">
                  <c:v>5.4583E-2</c:v>
                </c:pt>
                <c:pt idx="8880">
                  <c:v>5.4577000000000001E-2</c:v>
                </c:pt>
                <c:pt idx="8881">
                  <c:v>5.4571000000000001E-2</c:v>
                </c:pt>
                <c:pt idx="8882">
                  <c:v>5.4565000000000002E-2</c:v>
                </c:pt>
                <c:pt idx="8883">
                  <c:v>5.4559000000000003E-2</c:v>
                </c:pt>
                <c:pt idx="8884">
                  <c:v>5.4552999999999997E-2</c:v>
                </c:pt>
                <c:pt idx="8885">
                  <c:v>5.4546999999999998E-2</c:v>
                </c:pt>
                <c:pt idx="8886">
                  <c:v>5.4539999999999998E-2</c:v>
                </c:pt>
                <c:pt idx="8887">
                  <c:v>5.4533999999999999E-2</c:v>
                </c:pt>
                <c:pt idx="8888">
                  <c:v>5.4528E-2</c:v>
                </c:pt>
                <c:pt idx="8889">
                  <c:v>5.4522000000000001E-2</c:v>
                </c:pt>
                <c:pt idx="8890">
                  <c:v>5.4516000000000002E-2</c:v>
                </c:pt>
                <c:pt idx="8891">
                  <c:v>5.4510000000000003E-2</c:v>
                </c:pt>
                <c:pt idx="8892">
                  <c:v>5.4503999999999997E-2</c:v>
                </c:pt>
                <c:pt idx="8893">
                  <c:v>5.4497999999999998E-2</c:v>
                </c:pt>
                <c:pt idx="8894">
                  <c:v>5.4491999999999999E-2</c:v>
                </c:pt>
                <c:pt idx="8895">
                  <c:v>5.4486E-2</c:v>
                </c:pt>
                <c:pt idx="8896">
                  <c:v>5.4480000000000001E-2</c:v>
                </c:pt>
                <c:pt idx="8897">
                  <c:v>5.4473000000000001E-2</c:v>
                </c:pt>
                <c:pt idx="8898">
                  <c:v>5.4467000000000002E-2</c:v>
                </c:pt>
                <c:pt idx="8899">
                  <c:v>5.4461000000000002E-2</c:v>
                </c:pt>
                <c:pt idx="8900">
                  <c:v>5.4455000000000003E-2</c:v>
                </c:pt>
                <c:pt idx="8901">
                  <c:v>5.4448999999999997E-2</c:v>
                </c:pt>
                <c:pt idx="8902">
                  <c:v>5.4442999999999998E-2</c:v>
                </c:pt>
                <c:pt idx="8903">
                  <c:v>5.4436999999999999E-2</c:v>
                </c:pt>
                <c:pt idx="8904">
                  <c:v>5.4431E-2</c:v>
                </c:pt>
                <c:pt idx="8905">
                  <c:v>5.4425000000000001E-2</c:v>
                </c:pt>
                <c:pt idx="8906">
                  <c:v>5.4419000000000002E-2</c:v>
                </c:pt>
                <c:pt idx="8907">
                  <c:v>5.4413000000000003E-2</c:v>
                </c:pt>
                <c:pt idx="8908">
                  <c:v>5.4406999999999997E-2</c:v>
                </c:pt>
                <c:pt idx="8909">
                  <c:v>5.4399999999999997E-2</c:v>
                </c:pt>
                <c:pt idx="8910">
                  <c:v>5.4393999999999998E-2</c:v>
                </c:pt>
                <c:pt idx="8911">
                  <c:v>5.4387999999999999E-2</c:v>
                </c:pt>
                <c:pt idx="8912">
                  <c:v>5.4382E-2</c:v>
                </c:pt>
                <c:pt idx="8913">
                  <c:v>5.4376000000000001E-2</c:v>
                </c:pt>
                <c:pt idx="8914">
                  <c:v>5.4370000000000002E-2</c:v>
                </c:pt>
                <c:pt idx="8915">
                  <c:v>5.4364000000000003E-2</c:v>
                </c:pt>
                <c:pt idx="8916">
                  <c:v>5.4357999999999997E-2</c:v>
                </c:pt>
                <c:pt idx="8917">
                  <c:v>5.4351999999999998E-2</c:v>
                </c:pt>
                <c:pt idx="8918">
                  <c:v>5.4345999999999998E-2</c:v>
                </c:pt>
                <c:pt idx="8919">
                  <c:v>5.4339999999999999E-2</c:v>
                </c:pt>
                <c:pt idx="8920">
                  <c:v>5.4334E-2</c:v>
                </c:pt>
                <c:pt idx="8921">
                  <c:v>5.4328000000000001E-2</c:v>
                </c:pt>
                <c:pt idx="8922">
                  <c:v>5.4322000000000002E-2</c:v>
                </c:pt>
                <c:pt idx="8923">
                  <c:v>5.4316000000000003E-2</c:v>
                </c:pt>
                <c:pt idx="8924">
                  <c:v>5.4309999999999997E-2</c:v>
                </c:pt>
                <c:pt idx="8925">
                  <c:v>5.4303999999999998E-2</c:v>
                </c:pt>
                <c:pt idx="8926">
                  <c:v>5.4296999999999998E-2</c:v>
                </c:pt>
                <c:pt idx="8927">
                  <c:v>5.4290999999999999E-2</c:v>
                </c:pt>
                <c:pt idx="8928">
                  <c:v>5.4285E-2</c:v>
                </c:pt>
                <c:pt idx="8929">
                  <c:v>5.4279000000000001E-2</c:v>
                </c:pt>
                <c:pt idx="8930">
                  <c:v>5.4273000000000002E-2</c:v>
                </c:pt>
                <c:pt idx="8931">
                  <c:v>5.4267000000000003E-2</c:v>
                </c:pt>
                <c:pt idx="8932">
                  <c:v>5.4260999999999997E-2</c:v>
                </c:pt>
                <c:pt idx="8933">
                  <c:v>5.4254999999999998E-2</c:v>
                </c:pt>
                <c:pt idx="8934">
                  <c:v>5.4248999999999999E-2</c:v>
                </c:pt>
                <c:pt idx="8935">
                  <c:v>5.4243E-2</c:v>
                </c:pt>
                <c:pt idx="8936">
                  <c:v>5.4237E-2</c:v>
                </c:pt>
                <c:pt idx="8937">
                  <c:v>5.4231000000000001E-2</c:v>
                </c:pt>
                <c:pt idx="8938">
                  <c:v>5.4225000000000002E-2</c:v>
                </c:pt>
                <c:pt idx="8939">
                  <c:v>5.4219000000000003E-2</c:v>
                </c:pt>
                <c:pt idx="8940">
                  <c:v>5.4212999999999997E-2</c:v>
                </c:pt>
                <c:pt idx="8941">
                  <c:v>5.4206999999999998E-2</c:v>
                </c:pt>
                <c:pt idx="8942">
                  <c:v>5.4200999999999999E-2</c:v>
                </c:pt>
                <c:pt idx="8943">
                  <c:v>5.4195E-2</c:v>
                </c:pt>
                <c:pt idx="8944">
                  <c:v>5.4189000000000001E-2</c:v>
                </c:pt>
                <c:pt idx="8945">
                  <c:v>5.4183000000000002E-2</c:v>
                </c:pt>
                <c:pt idx="8946">
                  <c:v>5.4177000000000003E-2</c:v>
                </c:pt>
                <c:pt idx="8947">
                  <c:v>5.4170999999999997E-2</c:v>
                </c:pt>
                <c:pt idx="8948">
                  <c:v>5.4164999999999998E-2</c:v>
                </c:pt>
                <c:pt idx="8949">
                  <c:v>5.4158999999999999E-2</c:v>
                </c:pt>
                <c:pt idx="8950">
                  <c:v>5.4153E-2</c:v>
                </c:pt>
                <c:pt idx="8951">
                  <c:v>5.4147000000000001E-2</c:v>
                </c:pt>
                <c:pt idx="8952">
                  <c:v>5.4141000000000002E-2</c:v>
                </c:pt>
                <c:pt idx="8953">
                  <c:v>5.4135000000000003E-2</c:v>
                </c:pt>
                <c:pt idx="8954">
                  <c:v>5.4128999999999997E-2</c:v>
                </c:pt>
                <c:pt idx="8955">
                  <c:v>5.4122999999999998E-2</c:v>
                </c:pt>
                <c:pt idx="8956">
                  <c:v>5.4116999999999998E-2</c:v>
                </c:pt>
                <c:pt idx="8957">
                  <c:v>5.4110999999999999E-2</c:v>
                </c:pt>
                <c:pt idx="8958">
                  <c:v>5.4105E-2</c:v>
                </c:pt>
                <c:pt idx="8959">
                  <c:v>5.4099000000000001E-2</c:v>
                </c:pt>
                <c:pt idx="8960">
                  <c:v>5.4093000000000002E-2</c:v>
                </c:pt>
                <c:pt idx="8961">
                  <c:v>5.4087000000000003E-2</c:v>
                </c:pt>
                <c:pt idx="8962">
                  <c:v>5.4080999999999997E-2</c:v>
                </c:pt>
                <c:pt idx="8963">
                  <c:v>5.4074999999999998E-2</c:v>
                </c:pt>
                <c:pt idx="8964">
                  <c:v>5.4068999999999999E-2</c:v>
                </c:pt>
                <c:pt idx="8965">
                  <c:v>5.4063E-2</c:v>
                </c:pt>
                <c:pt idx="8966">
                  <c:v>5.4057000000000001E-2</c:v>
                </c:pt>
                <c:pt idx="8967">
                  <c:v>5.4051000000000002E-2</c:v>
                </c:pt>
                <c:pt idx="8968">
                  <c:v>5.4045000000000003E-2</c:v>
                </c:pt>
                <c:pt idx="8969">
                  <c:v>5.4038999999999997E-2</c:v>
                </c:pt>
                <c:pt idx="8970">
                  <c:v>5.4032999999999998E-2</c:v>
                </c:pt>
                <c:pt idx="8971">
                  <c:v>5.4026999999999999E-2</c:v>
                </c:pt>
                <c:pt idx="8972">
                  <c:v>5.4021E-2</c:v>
                </c:pt>
                <c:pt idx="8973">
                  <c:v>5.4015000000000001E-2</c:v>
                </c:pt>
                <c:pt idx="8974">
                  <c:v>5.4009000000000001E-2</c:v>
                </c:pt>
                <c:pt idx="8975">
                  <c:v>5.4003000000000002E-2</c:v>
                </c:pt>
                <c:pt idx="8976">
                  <c:v>5.3997000000000003E-2</c:v>
                </c:pt>
                <c:pt idx="8977">
                  <c:v>5.3990999999999997E-2</c:v>
                </c:pt>
                <c:pt idx="8978">
                  <c:v>5.3984999999999998E-2</c:v>
                </c:pt>
                <c:pt idx="8979">
                  <c:v>5.3978999999999999E-2</c:v>
                </c:pt>
                <c:pt idx="8980">
                  <c:v>5.3973E-2</c:v>
                </c:pt>
                <c:pt idx="8981">
                  <c:v>5.3967000000000001E-2</c:v>
                </c:pt>
                <c:pt idx="8982">
                  <c:v>5.3961000000000002E-2</c:v>
                </c:pt>
                <c:pt idx="8983">
                  <c:v>5.3955000000000003E-2</c:v>
                </c:pt>
                <c:pt idx="8984">
                  <c:v>5.3948999999999997E-2</c:v>
                </c:pt>
                <c:pt idx="8985">
                  <c:v>5.3942999999999998E-2</c:v>
                </c:pt>
                <c:pt idx="8986">
                  <c:v>5.3936999999999999E-2</c:v>
                </c:pt>
                <c:pt idx="8987">
                  <c:v>5.3931E-2</c:v>
                </c:pt>
                <c:pt idx="8988">
                  <c:v>5.3925000000000001E-2</c:v>
                </c:pt>
                <c:pt idx="8989">
                  <c:v>5.3919000000000002E-2</c:v>
                </c:pt>
                <c:pt idx="8990">
                  <c:v>5.3913000000000003E-2</c:v>
                </c:pt>
                <c:pt idx="8991">
                  <c:v>5.3906999999999997E-2</c:v>
                </c:pt>
                <c:pt idx="8992">
                  <c:v>5.3900999999999998E-2</c:v>
                </c:pt>
                <c:pt idx="8993">
                  <c:v>5.3894999999999998E-2</c:v>
                </c:pt>
                <c:pt idx="8994">
                  <c:v>5.3888999999999999E-2</c:v>
                </c:pt>
                <c:pt idx="8995">
                  <c:v>5.3883E-2</c:v>
                </c:pt>
                <c:pt idx="8996">
                  <c:v>5.3877000000000001E-2</c:v>
                </c:pt>
                <c:pt idx="8997">
                  <c:v>5.3871000000000002E-2</c:v>
                </c:pt>
                <c:pt idx="8998">
                  <c:v>5.3865000000000003E-2</c:v>
                </c:pt>
                <c:pt idx="8999">
                  <c:v>5.3859999999999998E-2</c:v>
                </c:pt>
                <c:pt idx="9000">
                  <c:v>5.3853999999999999E-2</c:v>
                </c:pt>
                <c:pt idx="9001">
                  <c:v>5.3848E-2</c:v>
                </c:pt>
                <c:pt idx="9002">
                  <c:v>5.3842000000000001E-2</c:v>
                </c:pt>
                <c:pt idx="9003">
                  <c:v>5.3836000000000002E-2</c:v>
                </c:pt>
                <c:pt idx="9004">
                  <c:v>5.3830000000000003E-2</c:v>
                </c:pt>
                <c:pt idx="9005">
                  <c:v>5.3823999999999997E-2</c:v>
                </c:pt>
                <c:pt idx="9006">
                  <c:v>5.3817999999999998E-2</c:v>
                </c:pt>
                <c:pt idx="9007">
                  <c:v>5.3811999999999999E-2</c:v>
                </c:pt>
                <c:pt idx="9008">
                  <c:v>5.3806E-2</c:v>
                </c:pt>
                <c:pt idx="9009">
                  <c:v>5.3800000000000001E-2</c:v>
                </c:pt>
                <c:pt idx="9010">
                  <c:v>5.3794000000000002E-2</c:v>
                </c:pt>
                <c:pt idx="9011">
                  <c:v>5.3788000000000002E-2</c:v>
                </c:pt>
                <c:pt idx="9012">
                  <c:v>5.3782000000000003E-2</c:v>
                </c:pt>
                <c:pt idx="9013">
                  <c:v>5.3775999999999997E-2</c:v>
                </c:pt>
                <c:pt idx="9014">
                  <c:v>5.3769999999999998E-2</c:v>
                </c:pt>
                <c:pt idx="9015">
                  <c:v>5.3765E-2</c:v>
                </c:pt>
                <c:pt idx="9016">
                  <c:v>5.3759000000000001E-2</c:v>
                </c:pt>
                <c:pt idx="9017">
                  <c:v>5.3753000000000002E-2</c:v>
                </c:pt>
                <c:pt idx="9018">
                  <c:v>5.3747000000000003E-2</c:v>
                </c:pt>
                <c:pt idx="9019">
                  <c:v>5.3740999999999997E-2</c:v>
                </c:pt>
                <c:pt idx="9020">
                  <c:v>5.3734999999999998E-2</c:v>
                </c:pt>
                <c:pt idx="9021">
                  <c:v>5.3728999999999999E-2</c:v>
                </c:pt>
                <c:pt idx="9022">
                  <c:v>5.3723E-2</c:v>
                </c:pt>
                <c:pt idx="9023">
                  <c:v>5.3717000000000001E-2</c:v>
                </c:pt>
                <c:pt idx="9024">
                  <c:v>5.3711000000000002E-2</c:v>
                </c:pt>
                <c:pt idx="9025">
                  <c:v>5.3705000000000003E-2</c:v>
                </c:pt>
                <c:pt idx="9026">
                  <c:v>5.3698999999999997E-2</c:v>
                </c:pt>
                <c:pt idx="9027">
                  <c:v>5.3692999999999998E-2</c:v>
                </c:pt>
                <c:pt idx="9028">
                  <c:v>5.3688E-2</c:v>
                </c:pt>
                <c:pt idx="9029">
                  <c:v>5.3682000000000001E-2</c:v>
                </c:pt>
                <c:pt idx="9030">
                  <c:v>5.3676000000000001E-2</c:v>
                </c:pt>
                <c:pt idx="9031">
                  <c:v>5.3670000000000002E-2</c:v>
                </c:pt>
                <c:pt idx="9032">
                  <c:v>5.3664000000000003E-2</c:v>
                </c:pt>
                <c:pt idx="9033">
                  <c:v>5.3657999999999997E-2</c:v>
                </c:pt>
                <c:pt idx="9034">
                  <c:v>5.3651999999999998E-2</c:v>
                </c:pt>
                <c:pt idx="9035">
                  <c:v>5.3645999999999999E-2</c:v>
                </c:pt>
                <c:pt idx="9036">
                  <c:v>5.364E-2</c:v>
                </c:pt>
                <c:pt idx="9037">
                  <c:v>5.3634000000000001E-2</c:v>
                </c:pt>
                <c:pt idx="9038">
                  <c:v>5.3628000000000002E-2</c:v>
                </c:pt>
                <c:pt idx="9039">
                  <c:v>5.3622999999999997E-2</c:v>
                </c:pt>
                <c:pt idx="9040">
                  <c:v>5.3616999999999998E-2</c:v>
                </c:pt>
                <c:pt idx="9041">
                  <c:v>5.3610999999999999E-2</c:v>
                </c:pt>
                <c:pt idx="9042">
                  <c:v>5.3605E-2</c:v>
                </c:pt>
                <c:pt idx="9043">
                  <c:v>5.3599000000000001E-2</c:v>
                </c:pt>
                <c:pt idx="9044">
                  <c:v>5.3593000000000002E-2</c:v>
                </c:pt>
                <c:pt idx="9045">
                  <c:v>5.3587000000000003E-2</c:v>
                </c:pt>
                <c:pt idx="9046">
                  <c:v>5.3580999999999997E-2</c:v>
                </c:pt>
                <c:pt idx="9047">
                  <c:v>5.3574999999999998E-2</c:v>
                </c:pt>
                <c:pt idx="9048">
                  <c:v>5.357E-2</c:v>
                </c:pt>
                <c:pt idx="9049">
                  <c:v>5.3564000000000001E-2</c:v>
                </c:pt>
                <c:pt idx="9050">
                  <c:v>5.3558000000000001E-2</c:v>
                </c:pt>
                <c:pt idx="9051">
                  <c:v>5.3552000000000002E-2</c:v>
                </c:pt>
                <c:pt idx="9052">
                  <c:v>5.3546000000000003E-2</c:v>
                </c:pt>
                <c:pt idx="9053">
                  <c:v>5.3539999999999997E-2</c:v>
                </c:pt>
                <c:pt idx="9054">
                  <c:v>5.3533999999999998E-2</c:v>
                </c:pt>
                <c:pt idx="9055">
                  <c:v>5.3527999999999999E-2</c:v>
                </c:pt>
                <c:pt idx="9056">
                  <c:v>5.3522E-2</c:v>
                </c:pt>
                <c:pt idx="9057">
                  <c:v>5.3517000000000002E-2</c:v>
                </c:pt>
                <c:pt idx="9058">
                  <c:v>5.3511000000000003E-2</c:v>
                </c:pt>
                <c:pt idx="9059">
                  <c:v>5.3504999999999997E-2</c:v>
                </c:pt>
                <c:pt idx="9060">
                  <c:v>5.3498999999999998E-2</c:v>
                </c:pt>
                <c:pt idx="9061">
                  <c:v>5.3492999999999999E-2</c:v>
                </c:pt>
                <c:pt idx="9062">
                  <c:v>5.3487E-2</c:v>
                </c:pt>
                <c:pt idx="9063">
                  <c:v>5.3481000000000001E-2</c:v>
                </c:pt>
                <c:pt idx="9064">
                  <c:v>5.3476000000000003E-2</c:v>
                </c:pt>
                <c:pt idx="9065">
                  <c:v>5.3469999999999997E-2</c:v>
                </c:pt>
                <c:pt idx="9066">
                  <c:v>5.3463999999999998E-2</c:v>
                </c:pt>
                <c:pt idx="9067">
                  <c:v>5.3457999999999999E-2</c:v>
                </c:pt>
                <c:pt idx="9068">
                  <c:v>5.3452E-2</c:v>
                </c:pt>
                <c:pt idx="9069">
                  <c:v>5.3446E-2</c:v>
                </c:pt>
                <c:pt idx="9070">
                  <c:v>5.3440000000000001E-2</c:v>
                </c:pt>
                <c:pt idx="9071">
                  <c:v>5.3434000000000002E-2</c:v>
                </c:pt>
                <c:pt idx="9072">
                  <c:v>5.3428999999999997E-2</c:v>
                </c:pt>
                <c:pt idx="9073">
                  <c:v>5.3422999999999998E-2</c:v>
                </c:pt>
                <c:pt idx="9074">
                  <c:v>5.3416999999999999E-2</c:v>
                </c:pt>
                <c:pt idx="9075">
                  <c:v>5.3411E-2</c:v>
                </c:pt>
                <c:pt idx="9076">
                  <c:v>5.3405000000000001E-2</c:v>
                </c:pt>
                <c:pt idx="9077">
                  <c:v>5.3399000000000002E-2</c:v>
                </c:pt>
                <c:pt idx="9078">
                  <c:v>5.3393999999999997E-2</c:v>
                </c:pt>
                <c:pt idx="9079">
                  <c:v>5.3387999999999998E-2</c:v>
                </c:pt>
                <c:pt idx="9080">
                  <c:v>5.3381999999999999E-2</c:v>
                </c:pt>
                <c:pt idx="9081">
                  <c:v>5.3376E-2</c:v>
                </c:pt>
                <c:pt idx="9082">
                  <c:v>5.3370000000000001E-2</c:v>
                </c:pt>
                <c:pt idx="9083">
                  <c:v>5.3364000000000002E-2</c:v>
                </c:pt>
                <c:pt idx="9084">
                  <c:v>5.3358000000000003E-2</c:v>
                </c:pt>
                <c:pt idx="9085">
                  <c:v>5.3352999999999998E-2</c:v>
                </c:pt>
                <c:pt idx="9086">
                  <c:v>5.3346999999999999E-2</c:v>
                </c:pt>
                <c:pt idx="9087">
                  <c:v>5.3341E-2</c:v>
                </c:pt>
                <c:pt idx="9088">
                  <c:v>5.3335E-2</c:v>
                </c:pt>
                <c:pt idx="9089">
                  <c:v>5.3329000000000001E-2</c:v>
                </c:pt>
                <c:pt idx="9090">
                  <c:v>5.3323000000000002E-2</c:v>
                </c:pt>
                <c:pt idx="9091">
                  <c:v>5.3317999999999997E-2</c:v>
                </c:pt>
                <c:pt idx="9092">
                  <c:v>5.3311999999999998E-2</c:v>
                </c:pt>
                <c:pt idx="9093">
                  <c:v>5.3305999999999999E-2</c:v>
                </c:pt>
                <c:pt idx="9094">
                  <c:v>5.33E-2</c:v>
                </c:pt>
                <c:pt idx="9095">
                  <c:v>5.3294000000000001E-2</c:v>
                </c:pt>
                <c:pt idx="9096">
                  <c:v>5.3288000000000002E-2</c:v>
                </c:pt>
                <c:pt idx="9097">
                  <c:v>5.3282999999999997E-2</c:v>
                </c:pt>
                <c:pt idx="9098">
                  <c:v>5.3276999999999998E-2</c:v>
                </c:pt>
                <c:pt idx="9099">
                  <c:v>5.3270999999999999E-2</c:v>
                </c:pt>
                <c:pt idx="9100">
                  <c:v>5.3265E-2</c:v>
                </c:pt>
                <c:pt idx="9101">
                  <c:v>5.3259000000000001E-2</c:v>
                </c:pt>
                <c:pt idx="9102">
                  <c:v>5.3254000000000003E-2</c:v>
                </c:pt>
                <c:pt idx="9103">
                  <c:v>5.3247999999999997E-2</c:v>
                </c:pt>
                <c:pt idx="9104">
                  <c:v>5.3241999999999998E-2</c:v>
                </c:pt>
                <c:pt idx="9105">
                  <c:v>5.3235999999999999E-2</c:v>
                </c:pt>
                <c:pt idx="9106">
                  <c:v>5.323E-2</c:v>
                </c:pt>
                <c:pt idx="9107">
                  <c:v>5.3224E-2</c:v>
                </c:pt>
                <c:pt idx="9108">
                  <c:v>5.3219000000000002E-2</c:v>
                </c:pt>
                <c:pt idx="9109">
                  <c:v>5.3213000000000003E-2</c:v>
                </c:pt>
                <c:pt idx="9110">
                  <c:v>5.3206999999999997E-2</c:v>
                </c:pt>
                <c:pt idx="9111">
                  <c:v>5.3200999999999998E-2</c:v>
                </c:pt>
                <c:pt idx="9112">
                  <c:v>5.3194999999999999E-2</c:v>
                </c:pt>
                <c:pt idx="9113">
                  <c:v>5.3190000000000001E-2</c:v>
                </c:pt>
                <c:pt idx="9114">
                  <c:v>5.3184000000000002E-2</c:v>
                </c:pt>
                <c:pt idx="9115">
                  <c:v>5.3178000000000003E-2</c:v>
                </c:pt>
                <c:pt idx="9116">
                  <c:v>5.3171999999999997E-2</c:v>
                </c:pt>
                <c:pt idx="9117">
                  <c:v>5.3165999999999998E-2</c:v>
                </c:pt>
                <c:pt idx="9118">
                  <c:v>5.3161E-2</c:v>
                </c:pt>
                <c:pt idx="9119">
                  <c:v>5.3155000000000001E-2</c:v>
                </c:pt>
                <c:pt idx="9120">
                  <c:v>5.3149000000000002E-2</c:v>
                </c:pt>
                <c:pt idx="9121">
                  <c:v>5.3143000000000003E-2</c:v>
                </c:pt>
                <c:pt idx="9122">
                  <c:v>5.3136999999999997E-2</c:v>
                </c:pt>
                <c:pt idx="9123">
                  <c:v>5.3131999999999999E-2</c:v>
                </c:pt>
                <c:pt idx="9124">
                  <c:v>5.3126E-2</c:v>
                </c:pt>
                <c:pt idx="9125">
                  <c:v>5.3120000000000001E-2</c:v>
                </c:pt>
                <c:pt idx="9126">
                  <c:v>5.3114000000000001E-2</c:v>
                </c:pt>
                <c:pt idx="9127">
                  <c:v>5.3109000000000003E-2</c:v>
                </c:pt>
                <c:pt idx="9128">
                  <c:v>5.3102999999999997E-2</c:v>
                </c:pt>
                <c:pt idx="9129">
                  <c:v>5.3096999999999998E-2</c:v>
                </c:pt>
                <c:pt idx="9130">
                  <c:v>5.3090999999999999E-2</c:v>
                </c:pt>
                <c:pt idx="9131">
                  <c:v>5.3085E-2</c:v>
                </c:pt>
                <c:pt idx="9132">
                  <c:v>5.3080000000000002E-2</c:v>
                </c:pt>
                <c:pt idx="9133">
                  <c:v>5.3074000000000003E-2</c:v>
                </c:pt>
                <c:pt idx="9134">
                  <c:v>5.3067999999999997E-2</c:v>
                </c:pt>
                <c:pt idx="9135">
                  <c:v>5.3061999999999998E-2</c:v>
                </c:pt>
                <c:pt idx="9136">
                  <c:v>5.3055999999999999E-2</c:v>
                </c:pt>
                <c:pt idx="9137">
                  <c:v>5.3051000000000001E-2</c:v>
                </c:pt>
                <c:pt idx="9138">
                  <c:v>5.3045000000000002E-2</c:v>
                </c:pt>
                <c:pt idx="9139">
                  <c:v>5.3039000000000003E-2</c:v>
                </c:pt>
                <c:pt idx="9140">
                  <c:v>5.3032999999999997E-2</c:v>
                </c:pt>
                <c:pt idx="9141">
                  <c:v>5.3027999999999999E-2</c:v>
                </c:pt>
                <c:pt idx="9142">
                  <c:v>5.3022E-2</c:v>
                </c:pt>
                <c:pt idx="9143">
                  <c:v>5.3016000000000001E-2</c:v>
                </c:pt>
                <c:pt idx="9144">
                  <c:v>5.3010000000000002E-2</c:v>
                </c:pt>
                <c:pt idx="9145">
                  <c:v>5.3004999999999997E-2</c:v>
                </c:pt>
                <c:pt idx="9146">
                  <c:v>5.2998999999999998E-2</c:v>
                </c:pt>
                <c:pt idx="9147">
                  <c:v>5.2992999999999998E-2</c:v>
                </c:pt>
                <c:pt idx="9148">
                  <c:v>5.2986999999999999E-2</c:v>
                </c:pt>
                <c:pt idx="9149">
                  <c:v>5.2982000000000001E-2</c:v>
                </c:pt>
                <c:pt idx="9150">
                  <c:v>5.2976000000000002E-2</c:v>
                </c:pt>
                <c:pt idx="9151">
                  <c:v>5.2970000000000003E-2</c:v>
                </c:pt>
                <c:pt idx="9152">
                  <c:v>5.2963999999999997E-2</c:v>
                </c:pt>
                <c:pt idx="9153">
                  <c:v>5.2958999999999999E-2</c:v>
                </c:pt>
                <c:pt idx="9154">
                  <c:v>5.2953E-2</c:v>
                </c:pt>
                <c:pt idx="9155">
                  <c:v>5.2947000000000001E-2</c:v>
                </c:pt>
                <c:pt idx="9156">
                  <c:v>5.2941000000000002E-2</c:v>
                </c:pt>
                <c:pt idx="9157">
                  <c:v>5.2935999999999997E-2</c:v>
                </c:pt>
                <c:pt idx="9158">
                  <c:v>5.2929999999999998E-2</c:v>
                </c:pt>
                <c:pt idx="9159">
                  <c:v>5.2923999999999999E-2</c:v>
                </c:pt>
                <c:pt idx="9160">
                  <c:v>5.2918E-2</c:v>
                </c:pt>
                <c:pt idx="9161">
                  <c:v>5.2913000000000002E-2</c:v>
                </c:pt>
                <c:pt idx="9162">
                  <c:v>5.2907000000000003E-2</c:v>
                </c:pt>
                <c:pt idx="9163">
                  <c:v>5.2900999999999997E-2</c:v>
                </c:pt>
                <c:pt idx="9164">
                  <c:v>5.2894999999999998E-2</c:v>
                </c:pt>
                <c:pt idx="9165">
                  <c:v>5.289E-2</c:v>
                </c:pt>
                <c:pt idx="9166">
                  <c:v>5.2884E-2</c:v>
                </c:pt>
                <c:pt idx="9167">
                  <c:v>5.2878000000000001E-2</c:v>
                </c:pt>
                <c:pt idx="9168">
                  <c:v>5.2872000000000002E-2</c:v>
                </c:pt>
                <c:pt idx="9169">
                  <c:v>5.2866999999999997E-2</c:v>
                </c:pt>
                <c:pt idx="9170">
                  <c:v>5.2860999999999998E-2</c:v>
                </c:pt>
                <c:pt idx="9171">
                  <c:v>5.2854999999999999E-2</c:v>
                </c:pt>
                <c:pt idx="9172">
                  <c:v>5.2849E-2</c:v>
                </c:pt>
                <c:pt idx="9173">
                  <c:v>5.2844000000000002E-2</c:v>
                </c:pt>
                <c:pt idx="9174">
                  <c:v>5.2838000000000003E-2</c:v>
                </c:pt>
                <c:pt idx="9175">
                  <c:v>5.2831999999999997E-2</c:v>
                </c:pt>
                <c:pt idx="9176">
                  <c:v>5.2826999999999999E-2</c:v>
                </c:pt>
                <c:pt idx="9177">
                  <c:v>5.2821E-2</c:v>
                </c:pt>
                <c:pt idx="9178">
                  <c:v>5.2815000000000001E-2</c:v>
                </c:pt>
                <c:pt idx="9179">
                  <c:v>5.2809000000000002E-2</c:v>
                </c:pt>
                <c:pt idx="9180">
                  <c:v>5.2803999999999997E-2</c:v>
                </c:pt>
                <c:pt idx="9181">
                  <c:v>5.2797999999999998E-2</c:v>
                </c:pt>
                <c:pt idx="9182">
                  <c:v>5.2791999999999999E-2</c:v>
                </c:pt>
                <c:pt idx="9183">
                  <c:v>5.2786E-2</c:v>
                </c:pt>
                <c:pt idx="9184">
                  <c:v>5.2781000000000002E-2</c:v>
                </c:pt>
                <c:pt idx="9185">
                  <c:v>5.2775000000000002E-2</c:v>
                </c:pt>
                <c:pt idx="9186">
                  <c:v>5.2769000000000003E-2</c:v>
                </c:pt>
                <c:pt idx="9187">
                  <c:v>5.2763999999999998E-2</c:v>
                </c:pt>
                <c:pt idx="9188">
                  <c:v>5.2757999999999999E-2</c:v>
                </c:pt>
                <c:pt idx="9189">
                  <c:v>5.2752E-2</c:v>
                </c:pt>
                <c:pt idx="9190">
                  <c:v>5.2747000000000002E-2</c:v>
                </c:pt>
                <c:pt idx="9191">
                  <c:v>5.2741000000000003E-2</c:v>
                </c:pt>
                <c:pt idx="9192">
                  <c:v>5.2734999999999997E-2</c:v>
                </c:pt>
                <c:pt idx="9193">
                  <c:v>5.2728999999999998E-2</c:v>
                </c:pt>
                <c:pt idx="9194">
                  <c:v>5.2724E-2</c:v>
                </c:pt>
                <c:pt idx="9195">
                  <c:v>5.2718000000000001E-2</c:v>
                </c:pt>
                <c:pt idx="9196">
                  <c:v>5.2712000000000002E-2</c:v>
                </c:pt>
                <c:pt idx="9197">
                  <c:v>5.2706999999999997E-2</c:v>
                </c:pt>
                <c:pt idx="9198">
                  <c:v>5.2700999999999998E-2</c:v>
                </c:pt>
                <c:pt idx="9199">
                  <c:v>5.2694999999999999E-2</c:v>
                </c:pt>
                <c:pt idx="9200">
                  <c:v>5.2690000000000001E-2</c:v>
                </c:pt>
                <c:pt idx="9201">
                  <c:v>5.2684000000000002E-2</c:v>
                </c:pt>
                <c:pt idx="9202">
                  <c:v>5.2678000000000003E-2</c:v>
                </c:pt>
                <c:pt idx="9203">
                  <c:v>5.2671999999999997E-2</c:v>
                </c:pt>
                <c:pt idx="9204">
                  <c:v>5.2666999999999999E-2</c:v>
                </c:pt>
                <c:pt idx="9205">
                  <c:v>5.2660999999999999E-2</c:v>
                </c:pt>
                <c:pt idx="9206">
                  <c:v>5.2655E-2</c:v>
                </c:pt>
                <c:pt idx="9207">
                  <c:v>5.2650000000000002E-2</c:v>
                </c:pt>
                <c:pt idx="9208">
                  <c:v>5.2644000000000003E-2</c:v>
                </c:pt>
                <c:pt idx="9209">
                  <c:v>5.2637999999999997E-2</c:v>
                </c:pt>
                <c:pt idx="9210">
                  <c:v>5.2632999999999999E-2</c:v>
                </c:pt>
                <c:pt idx="9211">
                  <c:v>5.2627E-2</c:v>
                </c:pt>
                <c:pt idx="9212">
                  <c:v>5.2621000000000001E-2</c:v>
                </c:pt>
                <c:pt idx="9213">
                  <c:v>5.2616000000000003E-2</c:v>
                </c:pt>
                <c:pt idx="9214">
                  <c:v>5.2609999999999997E-2</c:v>
                </c:pt>
                <c:pt idx="9215">
                  <c:v>5.2603999999999998E-2</c:v>
                </c:pt>
                <c:pt idx="9216">
                  <c:v>5.2599E-2</c:v>
                </c:pt>
                <c:pt idx="9217">
                  <c:v>5.2593000000000001E-2</c:v>
                </c:pt>
                <c:pt idx="9218">
                  <c:v>5.2587000000000002E-2</c:v>
                </c:pt>
                <c:pt idx="9219">
                  <c:v>5.2581999999999997E-2</c:v>
                </c:pt>
                <c:pt idx="9220">
                  <c:v>5.2575999999999998E-2</c:v>
                </c:pt>
                <c:pt idx="9221">
                  <c:v>5.2569999999999999E-2</c:v>
                </c:pt>
                <c:pt idx="9222">
                  <c:v>5.2565000000000001E-2</c:v>
                </c:pt>
                <c:pt idx="9223">
                  <c:v>5.2559000000000002E-2</c:v>
                </c:pt>
                <c:pt idx="9224">
                  <c:v>5.2553000000000002E-2</c:v>
                </c:pt>
                <c:pt idx="9225">
                  <c:v>5.2547999999999997E-2</c:v>
                </c:pt>
                <c:pt idx="9226">
                  <c:v>5.2541999999999998E-2</c:v>
                </c:pt>
                <c:pt idx="9227">
                  <c:v>5.2535999999999999E-2</c:v>
                </c:pt>
                <c:pt idx="9228">
                  <c:v>5.2531000000000001E-2</c:v>
                </c:pt>
                <c:pt idx="9229">
                  <c:v>5.2525000000000002E-2</c:v>
                </c:pt>
                <c:pt idx="9230">
                  <c:v>5.2519000000000003E-2</c:v>
                </c:pt>
                <c:pt idx="9231">
                  <c:v>5.2513999999999998E-2</c:v>
                </c:pt>
                <c:pt idx="9232">
                  <c:v>5.2507999999999999E-2</c:v>
                </c:pt>
                <c:pt idx="9233">
                  <c:v>5.2502E-2</c:v>
                </c:pt>
                <c:pt idx="9234">
                  <c:v>5.2497000000000002E-2</c:v>
                </c:pt>
                <c:pt idx="9235">
                  <c:v>5.2491000000000003E-2</c:v>
                </c:pt>
                <c:pt idx="9236">
                  <c:v>5.2484999999999997E-2</c:v>
                </c:pt>
                <c:pt idx="9237">
                  <c:v>5.2479999999999999E-2</c:v>
                </c:pt>
                <c:pt idx="9238">
                  <c:v>5.2474E-2</c:v>
                </c:pt>
                <c:pt idx="9239">
                  <c:v>5.2468000000000001E-2</c:v>
                </c:pt>
                <c:pt idx="9240">
                  <c:v>5.2463000000000003E-2</c:v>
                </c:pt>
                <c:pt idx="9241">
                  <c:v>5.2456999999999997E-2</c:v>
                </c:pt>
                <c:pt idx="9242">
                  <c:v>5.2450999999999998E-2</c:v>
                </c:pt>
                <c:pt idx="9243">
                  <c:v>5.2446E-2</c:v>
                </c:pt>
                <c:pt idx="9244">
                  <c:v>5.2440000000000001E-2</c:v>
                </c:pt>
                <c:pt idx="9245">
                  <c:v>5.2435000000000002E-2</c:v>
                </c:pt>
                <c:pt idx="9246">
                  <c:v>5.2429000000000003E-2</c:v>
                </c:pt>
                <c:pt idx="9247">
                  <c:v>5.2422999999999997E-2</c:v>
                </c:pt>
                <c:pt idx="9248">
                  <c:v>5.2417999999999999E-2</c:v>
                </c:pt>
                <c:pt idx="9249">
                  <c:v>5.2412E-2</c:v>
                </c:pt>
                <c:pt idx="9250">
                  <c:v>5.2406000000000001E-2</c:v>
                </c:pt>
                <c:pt idx="9251">
                  <c:v>5.2401000000000003E-2</c:v>
                </c:pt>
                <c:pt idx="9252">
                  <c:v>5.2394999999999997E-2</c:v>
                </c:pt>
                <c:pt idx="9253">
                  <c:v>5.2388999999999998E-2</c:v>
                </c:pt>
                <c:pt idx="9254">
                  <c:v>5.2384E-2</c:v>
                </c:pt>
                <c:pt idx="9255">
                  <c:v>5.2378000000000001E-2</c:v>
                </c:pt>
                <c:pt idx="9256">
                  <c:v>5.2373000000000003E-2</c:v>
                </c:pt>
                <c:pt idx="9257">
                  <c:v>5.2366999999999997E-2</c:v>
                </c:pt>
                <c:pt idx="9258">
                  <c:v>5.2360999999999998E-2</c:v>
                </c:pt>
                <c:pt idx="9259">
                  <c:v>5.2356E-2</c:v>
                </c:pt>
                <c:pt idx="9260">
                  <c:v>5.2350000000000001E-2</c:v>
                </c:pt>
                <c:pt idx="9261">
                  <c:v>5.2344000000000002E-2</c:v>
                </c:pt>
                <c:pt idx="9262">
                  <c:v>5.2338999999999997E-2</c:v>
                </c:pt>
                <c:pt idx="9263">
                  <c:v>5.2332999999999998E-2</c:v>
                </c:pt>
                <c:pt idx="9264">
                  <c:v>5.2328E-2</c:v>
                </c:pt>
                <c:pt idx="9265">
                  <c:v>5.2322E-2</c:v>
                </c:pt>
                <c:pt idx="9266">
                  <c:v>5.2316000000000001E-2</c:v>
                </c:pt>
                <c:pt idx="9267">
                  <c:v>5.2311000000000003E-2</c:v>
                </c:pt>
                <c:pt idx="9268">
                  <c:v>5.2304999999999997E-2</c:v>
                </c:pt>
                <c:pt idx="9269">
                  <c:v>5.2299999999999999E-2</c:v>
                </c:pt>
                <c:pt idx="9270">
                  <c:v>5.2294E-2</c:v>
                </c:pt>
                <c:pt idx="9271">
                  <c:v>5.2288000000000001E-2</c:v>
                </c:pt>
                <c:pt idx="9272">
                  <c:v>5.2283000000000003E-2</c:v>
                </c:pt>
                <c:pt idx="9273">
                  <c:v>5.2276999999999997E-2</c:v>
                </c:pt>
                <c:pt idx="9274">
                  <c:v>5.2270999999999998E-2</c:v>
                </c:pt>
                <c:pt idx="9275">
                  <c:v>5.2266E-2</c:v>
                </c:pt>
                <c:pt idx="9276">
                  <c:v>5.2260000000000001E-2</c:v>
                </c:pt>
                <c:pt idx="9277">
                  <c:v>5.2255000000000003E-2</c:v>
                </c:pt>
                <c:pt idx="9278">
                  <c:v>5.2248999999999997E-2</c:v>
                </c:pt>
                <c:pt idx="9279">
                  <c:v>5.2242999999999998E-2</c:v>
                </c:pt>
                <c:pt idx="9280">
                  <c:v>5.2238E-2</c:v>
                </c:pt>
                <c:pt idx="9281">
                  <c:v>5.2232000000000001E-2</c:v>
                </c:pt>
                <c:pt idx="9282">
                  <c:v>5.2227000000000003E-2</c:v>
                </c:pt>
                <c:pt idx="9283">
                  <c:v>5.2220999999999997E-2</c:v>
                </c:pt>
                <c:pt idx="9284">
                  <c:v>5.2214999999999998E-2</c:v>
                </c:pt>
                <c:pt idx="9285">
                  <c:v>5.2209999999999999E-2</c:v>
                </c:pt>
                <c:pt idx="9286">
                  <c:v>5.2204E-2</c:v>
                </c:pt>
                <c:pt idx="9287">
                  <c:v>5.2199000000000002E-2</c:v>
                </c:pt>
                <c:pt idx="9288">
                  <c:v>5.2193000000000003E-2</c:v>
                </c:pt>
                <c:pt idx="9289">
                  <c:v>5.2187999999999998E-2</c:v>
                </c:pt>
                <c:pt idx="9290">
                  <c:v>5.2181999999999999E-2</c:v>
                </c:pt>
                <c:pt idx="9291">
                  <c:v>5.2176E-2</c:v>
                </c:pt>
                <c:pt idx="9292">
                  <c:v>5.2171000000000002E-2</c:v>
                </c:pt>
                <c:pt idx="9293">
                  <c:v>5.2165000000000003E-2</c:v>
                </c:pt>
                <c:pt idx="9294">
                  <c:v>5.2159999999999998E-2</c:v>
                </c:pt>
                <c:pt idx="9295">
                  <c:v>5.2153999999999999E-2</c:v>
                </c:pt>
                <c:pt idx="9296">
                  <c:v>5.2148E-2</c:v>
                </c:pt>
                <c:pt idx="9297">
                  <c:v>5.2143000000000002E-2</c:v>
                </c:pt>
                <c:pt idx="9298">
                  <c:v>5.2137000000000003E-2</c:v>
                </c:pt>
                <c:pt idx="9299">
                  <c:v>5.2131999999999998E-2</c:v>
                </c:pt>
                <c:pt idx="9300">
                  <c:v>5.2125999999999999E-2</c:v>
                </c:pt>
                <c:pt idx="9301">
                  <c:v>5.2121000000000001E-2</c:v>
                </c:pt>
                <c:pt idx="9302">
                  <c:v>5.2115000000000002E-2</c:v>
                </c:pt>
                <c:pt idx="9303">
                  <c:v>5.2109000000000003E-2</c:v>
                </c:pt>
                <c:pt idx="9304">
                  <c:v>5.2103999999999998E-2</c:v>
                </c:pt>
                <c:pt idx="9305">
                  <c:v>5.2097999999999998E-2</c:v>
                </c:pt>
                <c:pt idx="9306">
                  <c:v>5.2093E-2</c:v>
                </c:pt>
                <c:pt idx="9307">
                  <c:v>5.2087000000000001E-2</c:v>
                </c:pt>
                <c:pt idx="9308">
                  <c:v>5.2082000000000003E-2</c:v>
                </c:pt>
                <c:pt idx="9309">
                  <c:v>5.2075999999999997E-2</c:v>
                </c:pt>
                <c:pt idx="9310">
                  <c:v>5.2069999999999998E-2</c:v>
                </c:pt>
                <c:pt idx="9311">
                  <c:v>5.2065E-2</c:v>
                </c:pt>
                <c:pt idx="9312">
                  <c:v>5.2059000000000001E-2</c:v>
                </c:pt>
                <c:pt idx="9313">
                  <c:v>5.2054000000000003E-2</c:v>
                </c:pt>
                <c:pt idx="9314">
                  <c:v>5.2047999999999997E-2</c:v>
                </c:pt>
                <c:pt idx="9315">
                  <c:v>5.2042999999999999E-2</c:v>
                </c:pt>
                <c:pt idx="9316">
                  <c:v>5.2037E-2</c:v>
                </c:pt>
                <c:pt idx="9317">
                  <c:v>5.2032000000000002E-2</c:v>
                </c:pt>
                <c:pt idx="9318">
                  <c:v>5.2026000000000003E-2</c:v>
                </c:pt>
                <c:pt idx="9319">
                  <c:v>5.2019999999999997E-2</c:v>
                </c:pt>
                <c:pt idx="9320">
                  <c:v>5.2014999999999999E-2</c:v>
                </c:pt>
                <c:pt idx="9321">
                  <c:v>5.2009E-2</c:v>
                </c:pt>
                <c:pt idx="9322">
                  <c:v>5.2004000000000002E-2</c:v>
                </c:pt>
                <c:pt idx="9323">
                  <c:v>5.1998000000000003E-2</c:v>
                </c:pt>
                <c:pt idx="9324">
                  <c:v>5.1992999999999998E-2</c:v>
                </c:pt>
                <c:pt idx="9325">
                  <c:v>5.1986999999999998E-2</c:v>
                </c:pt>
                <c:pt idx="9326">
                  <c:v>5.1982E-2</c:v>
                </c:pt>
                <c:pt idx="9327">
                  <c:v>5.1976000000000001E-2</c:v>
                </c:pt>
                <c:pt idx="9328">
                  <c:v>5.1971000000000003E-2</c:v>
                </c:pt>
                <c:pt idx="9329">
                  <c:v>5.1964999999999997E-2</c:v>
                </c:pt>
                <c:pt idx="9330">
                  <c:v>5.1959999999999999E-2</c:v>
                </c:pt>
                <c:pt idx="9331">
                  <c:v>5.1954E-2</c:v>
                </c:pt>
                <c:pt idx="9332">
                  <c:v>5.1948000000000001E-2</c:v>
                </c:pt>
                <c:pt idx="9333">
                  <c:v>5.1943000000000003E-2</c:v>
                </c:pt>
                <c:pt idx="9334">
                  <c:v>5.1936999999999997E-2</c:v>
                </c:pt>
                <c:pt idx="9335">
                  <c:v>5.1931999999999999E-2</c:v>
                </c:pt>
                <c:pt idx="9336">
                  <c:v>5.1926E-2</c:v>
                </c:pt>
                <c:pt idx="9337">
                  <c:v>5.1921000000000002E-2</c:v>
                </c:pt>
                <c:pt idx="9338">
                  <c:v>5.1915000000000003E-2</c:v>
                </c:pt>
                <c:pt idx="9339">
                  <c:v>5.1909999999999998E-2</c:v>
                </c:pt>
                <c:pt idx="9340">
                  <c:v>5.1903999999999999E-2</c:v>
                </c:pt>
                <c:pt idx="9341">
                  <c:v>5.1899000000000001E-2</c:v>
                </c:pt>
                <c:pt idx="9342">
                  <c:v>5.1893000000000002E-2</c:v>
                </c:pt>
                <c:pt idx="9343">
                  <c:v>5.1887999999999997E-2</c:v>
                </c:pt>
                <c:pt idx="9344">
                  <c:v>5.1881999999999998E-2</c:v>
                </c:pt>
                <c:pt idx="9345">
                  <c:v>5.1877E-2</c:v>
                </c:pt>
                <c:pt idx="9346">
                  <c:v>5.1871E-2</c:v>
                </c:pt>
                <c:pt idx="9347">
                  <c:v>5.1866000000000002E-2</c:v>
                </c:pt>
                <c:pt idx="9348">
                  <c:v>5.1860000000000003E-2</c:v>
                </c:pt>
                <c:pt idx="9349">
                  <c:v>5.1854999999999998E-2</c:v>
                </c:pt>
                <c:pt idx="9350">
                  <c:v>5.1848999999999999E-2</c:v>
                </c:pt>
                <c:pt idx="9351">
                  <c:v>5.1843E-2</c:v>
                </c:pt>
                <c:pt idx="9352">
                  <c:v>5.1838000000000002E-2</c:v>
                </c:pt>
                <c:pt idx="9353">
                  <c:v>5.1832000000000003E-2</c:v>
                </c:pt>
                <c:pt idx="9354">
                  <c:v>5.1826999999999998E-2</c:v>
                </c:pt>
                <c:pt idx="9355">
                  <c:v>5.1820999999999999E-2</c:v>
                </c:pt>
                <c:pt idx="9356">
                  <c:v>5.1816000000000001E-2</c:v>
                </c:pt>
                <c:pt idx="9357">
                  <c:v>5.1810000000000002E-2</c:v>
                </c:pt>
                <c:pt idx="9358">
                  <c:v>5.1804999999999997E-2</c:v>
                </c:pt>
                <c:pt idx="9359">
                  <c:v>5.1798999999999998E-2</c:v>
                </c:pt>
                <c:pt idx="9360">
                  <c:v>5.1794E-2</c:v>
                </c:pt>
                <c:pt idx="9361">
                  <c:v>5.1788000000000001E-2</c:v>
                </c:pt>
                <c:pt idx="9362">
                  <c:v>5.1783000000000003E-2</c:v>
                </c:pt>
                <c:pt idx="9363">
                  <c:v>5.1776999999999997E-2</c:v>
                </c:pt>
                <c:pt idx="9364">
                  <c:v>5.1771999999999999E-2</c:v>
                </c:pt>
                <c:pt idx="9365">
                  <c:v>5.1766E-2</c:v>
                </c:pt>
                <c:pt idx="9366">
                  <c:v>5.1761000000000001E-2</c:v>
                </c:pt>
                <c:pt idx="9367">
                  <c:v>5.1755000000000002E-2</c:v>
                </c:pt>
                <c:pt idx="9368">
                  <c:v>5.1749999999999997E-2</c:v>
                </c:pt>
                <c:pt idx="9369">
                  <c:v>5.1743999999999998E-2</c:v>
                </c:pt>
                <c:pt idx="9370">
                  <c:v>5.1739E-2</c:v>
                </c:pt>
                <c:pt idx="9371">
                  <c:v>5.1733000000000001E-2</c:v>
                </c:pt>
                <c:pt idx="9372">
                  <c:v>5.1728000000000003E-2</c:v>
                </c:pt>
                <c:pt idx="9373">
                  <c:v>5.1721999999999997E-2</c:v>
                </c:pt>
                <c:pt idx="9374">
                  <c:v>5.1716999999999999E-2</c:v>
                </c:pt>
                <c:pt idx="9375">
                  <c:v>5.1712000000000001E-2</c:v>
                </c:pt>
                <c:pt idx="9376">
                  <c:v>5.1706000000000002E-2</c:v>
                </c:pt>
                <c:pt idx="9377">
                  <c:v>5.1700999999999997E-2</c:v>
                </c:pt>
                <c:pt idx="9378">
                  <c:v>5.1694999999999998E-2</c:v>
                </c:pt>
                <c:pt idx="9379">
                  <c:v>5.169E-2</c:v>
                </c:pt>
                <c:pt idx="9380">
                  <c:v>5.1684000000000001E-2</c:v>
                </c:pt>
                <c:pt idx="9381">
                  <c:v>5.1679000000000003E-2</c:v>
                </c:pt>
                <c:pt idx="9382">
                  <c:v>5.1672999999999997E-2</c:v>
                </c:pt>
                <c:pt idx="9383">
                  <c:v>5.1667999999999999E-2</c:v>
                </c:pt>
                <c:pt idx="9384">
                  <c:v>5.1662E-2</c:v>
                </c:pt>
                <c:pt idx="9385">
                  <c:v>5.1657000000000002E-2</c:v>
                </c:pt>
                <c:pt idx="9386">
                  <c:v>5.1651000000000002E-2</c:v>
                </c:pt>
                <c:pt idx="9387">
                  <c:v>5.1645999999999997E-2</c:v>
                </c:pt>
                <c:pt idx="9388">
                  <c:v>5.1639999999999998E-2</c:v>
                </c:pt>
                <c:pt idx="9389">
                  <c:v>5.1635E-2</c:v>
                </c:pt>
                <c:pt idx="9390">
                  <c:v>5.1629000000000001E-2</c:v>
                </c:pt>
                <c:pt idx="9391">
                  <c:v>5.1624000000000003E-2</c:v>
                </c:pt>
                <c:pt idx="9392">
                  <c:v>5.1617999999999997E-2</c:v>
                </c:pt>
                <c:pt idx="9393">
                  <c:v>5.1612999999999999E-2</c:v>
                </c:pt>
                <c:pt idx="9394">
                  <c:v>5.1608000000000001E-2</c:v>
                </c:pt>
                <c:pt idx="9395">
                  <c:v>5.1602000000000002E-2</c:v>
                </c:pt>
                <c:pt idx="9396">
                  <c:v>5.1596999999999997E-2</c:v>
                </c:pt>
                <c:pt idx="9397">
                  <c:v>5.1590999999999998E-2</c:v>
                </c:pt>
                <c:pt idx="9398">
                  <c:v>5.1586E-2</c:v>
                </c:pt>
                <c:pt idx="9399">
                  <c:v>5.1580000000000001E-2</c:v>
                </c:pt>
                <c:pt idx="9400">
                  <c:v>5.1575000000000003E-2</c:v>
                </c:pt>
                <c:pt idx="9401">
                  <c:v>5.1568999999999997E-2</c:v>
                </c:pt>
                <c:pt idx="9402">
                  <c:v>5.1563999999999999E-2</c:v>
                </c:pt>
                <c:pt idx="9403">
                  <c:v>5.1558E-2</c:v>
                </c:pt>
                <c:pt idx="9404">
                  <c:v>5.1553000000000002E-2</c:v>
                </c:pt>
                <c:pt idx="9405">
                  <c:v>5.1547000000000003E-2</c:v>
                </c:pt>
                <c:pt idx="9406">
                  <c:v>5.1541999999999998E-2</c:v>
                </c:pt>
                <c:pt idx="9407">
                  <c:v>5.1536999999999999E-2</c:v>
                </c:pt>
                <c:pt idx="9408">
                  <c:v>5.1531E-2</c:v>
                </c:pt>
                <c:pt idx="9409">
                  <c:v>5.1526000000000002E-2</c:v>
                </c:pt>
                <c:pt idx="9410">
                  <c:v>5.1520000000000003E-2</c:v>
                </c:pt>
                <c:pt idx="9411">
                  <c:v>5.1514999999999998E-2</c:v>
                </c:pt>
                <c:pt idx="9412">
                  <c:v>5.1508999999999999E-2</c:v>
                </c:pt>
                <c:pt idx="9413">
                  <c:v>5.1504000000000001E-2</c:v>
                </c:pt>
                <c:pt idx="9414">
                  <c:v>5.1498000000000002E-2</c:v>
                </c:pt>
                <c:pt idx="9415">
                  <c:v>5.1492999999999997E-2</c:v>
                </c:pt>
                <c:pt idx="9416">
                  <c:v>5.1487999999999999E-2</c:v>
                </c:pt>
                <c:pt idx="9417">
                  <c:v>5.1482E-2</c:v>
                </c:pt>
                <c:pt idx="9418">
                  <c:v>5.1477000000000002E-2</c:v>
                </c:pt>
                <c:pt idx="9419">
                  <c:v>5.1471000000000003E-2</c:v>
                </c:pt>
                <c:pt idx="9420">
                  <c:v>5.1465999999999998E-2</c:v>
                </c:pt>
                <c:pt idx="9421">
                  <c:v>5.1459999999999999E-2</c:v>
                </c:pt>
                <c:pt idx="9422">
                  <c:v>5.1455000000000001E-2</c:v>
                </c:pt>
                <c:pt idx="9423">
                  <c:v>5.1450000000000003E-2</c:v>
                </c:pt>
                <c:pt idx="9424">
                  <c:v>5.1443999999999997E-2</c:v>
                </c:pt>
                <c:pt idx="9425">
                  <c:v>5.1438999999999999E-2</c:v>
                </c:pt>
                <c:pt idx="9426">
                  <c:v>5.1433E-2</c:v>
                </c:pt>
                <c:pt idx="9427">
                  <c:v>5.1428000000000001E-2</c:v>
                </c:pt>
                <c:pt idx="9428">
                  <c:v>5.1422000000000002E-2</c:v>
                </c:pt>
                <c:pt idx="9429">
                  <c:v>5.1416999999999997E-2</c:v>
                </c:pt>
                <c:pt idx="9430">
                  <c:v>5.1411999999999999E-2</c:v>
                </c:pt>
                <c:pt idx="9431">
                  <c:v>5.1406E-2</c:v>
                </c:pt>
                <c:pt idx="9432">
                  <c:v>5.1401000000000002E-2</c:v>
                </c:pt>
                <c:pt idx="9433">
                  <c:v>5.1395000000000003E-2</c:v>
                </c:pt>
                <c:pt idx="9434">
                  <c:v>5.1389999999999998E-2</c:v>
                </c:pt>
                <c:pt idx="9435">
                  <c:v>5.1385E-2</c:v>
                </c:pt>
                <c:pt idx="9436">
                  <c:v>5.1379000000000001E-2</c:v>
                </c:pt>
                <c:pt idx="9437">
                  <c:v>5.1374000000000003E-2</c:v>
                </c:pt>
                <c:pt idx="9438">
                  <c:v>5.1367999999999997E-2</c:v>
                </c:pt>
                <c:pt idx="9439">
                  <c:v>5.1362999999999999E-2</c:v>
                </c:pt>
                <c:pt idx="9440">
                  <c:v>5.1357E-2</c:v>
                </c:pt>
                <c:pt idx="9441">
                  <c:v>5.1352000000000002E-2</c:v>
                </c:pt>
                <c:pt idx="9442">
                  <c:v>5.1346999999999997E-2</c:v>
                </c:pt>
                <c:pt idx="9443">
                  <c:v>5.1340999999999998E-2</c:v>
                </c:pt>
                <c:pt idx="9444">
                  <c:v>5.1336E-2</c:v>
                </c:pt>
                <c:pt idx="9445">
                  <c:v>5.1330000000000001E-2</c:v>
                </c:pt>
                <c:pt idx="9446">
                  <c:v>5.1325000000000003E-2</c:v>
                </c:pt>
                <c:pt idx="9447">
                  <c:v>5.1319999999999998E-2</c:v>
                </c:pt>
                <c:pt idx="9448">
                  <c:v>5.1313999999999999E-2</c:v>
                </c:pt>
                <c:pt idx="9449">
                  <c:v>5.1309E-2</c:v>
                </c:pt>
                <c:pt idx="9450">
                  <c:v>5.1303000000000001E-2</c:v>
                </c:pt>
                <c:pt idx="9451">
                  <c:v>5.1298000000000003E-2</c:v>
                </c:pt>
                <c:pt idx="9452">
                  <c:v>5.1292999999999998E-2</c:v>
                </c:pt>
                <c:pt idx="9453">
                  <c:v>5.1286999999999999E-2</c:v>
                </c:pt>
                <c:pt idx="9454">
                  <c:v>5.1282000000000001E-2</c:v>
                </c:pt>
                <c:pt idx="9455">
                  <c:v>5.1276000000000002E-2</c:v>
                </c:pt>
                <c:pt idx="9456">
                  <c:v>5.1270999999999997E-2</c:v>
                </c:pt>
                <c:pt idx="9457">
                  <c:v>5.1265999999999999E-2</c:v>
                </c:pt>
                <c:pt idx="9458">
                  <c:v>5.126E-2</c:v>
                </c:pt>
                <c:pt idx="9459">
                  <c:v>5.1255000000000002E-2</c:v>
                </c:pt>
                <c:pt idx="9460">
                  <c:v>5.1249000000000003E-2</c:v>
                </c:pt>
                <c:pt idx="9461">
                  <c:v>5.1243999999999998E-2</c:v>
                </c:pt>
                <c:pt idx="9462">
                  <c:v>5.1239E-2</c:v>
                </c:pt>
                <c:pt idx="9463">
                  <c:v>5.1233000000000001E-2</c:v>
                </c:pt>
                <c:pt idx="9464">
                  <c:v>5.1228000000000003E-2</c:v>
                </c:pt>
                <c:pt idx="9465">
                  <c:v>5.1222999999999998E-2</c:v>
                </c:pt>
                <c:pt idx="9466">
                  <c:v>5.1216999999999999E-2</c:v>
                </c:pt>
                <c:pt idx="9467">
                  <c:v>5.1212000000000001E-2</c:v>
                </c:pt>
                <c:pt idx="9468">
                  <c:v>5.1206000000000002E-2</c:v>
                </c:pt>
                <c:pt idx="9469">
                  <c:v>5.1201000000000003E-2</c:v>
                </c:pt>
                <c:pt idx="9470">
                  <c:v>5.1195999999999998E-2</c:v>
                </c:pt>
                <c:pt idx="9471">
                  <c:v>5.1189999999999999E-2</c:v>
                </c:pt>
                <c:pt idx="9472">
                  <c:v>5.1185000000000001E-2</c:v>
                </c:pt>
                <c:pt idx="9473">
                  <c:v>5.1180000000000003E-2</c:v>
                </c:pt>
                <c:pt idx="9474">
                  <c:v>5.1173999999999997E-2</c:v>
                </c:pt>
                <c:pt idx="9475">
                  <c:v>5.1168999999999999E-2</c:v>
                </c:pt>
                <c:pt idx="9476">
                  <c:v>5.1163E-2</c:v>
                </c:pt>
                <c:pt idx="9477">
                  <c:v>5.1158000000000002E-2</c:v>
                </c:pt>
                <c:pt idx="9478">
                  <c:v>5.1152999999999997E-2</c:v>
                </c:pt>
                <c:pt idx="9479">
                  <c:v>5.1146999999999998E-2</c:v>
                </c:pt>
                <c:pt idx="9480">
                  <c:v>5.1142E-2</c:v>
                </c:pt>
                <c:pt idx="9481">
                  <c:v>5.1137000000000002E-2</c:v>
                </c:pt>
                <c:pt idx="9482">
                  <c:v>5.1131000000000003E-2</c:v>
                </c:pt>
                <c:pt idx="9483">
                  <c:v>5.1125999999999998E-2</c:v>
                </c:pt>
                <c:pt idx="9484">
                  <c:v>5.1121E-2</c:v>
                </c:pt>
                <c:pt idx="9485">
                  <c:v>5.1115000000000001E-2</c:v>
                </c:pt>
                <c:pt idx="9486">
                  <c:v>5.1110000000000003E-2</c:v>
                </c:pt>
                <c:pt idx="9487">
                  <c:v>5.1103999999999997E-2</c:v>
                </c:pt>
                <c:pt idx="9488">
                  <c:v>5.1098999999999999E-2</c:v>
                </c:pt>
                <c:pt idx="9489">
                  <c:v>5.1094000000000001E-2</c:v>
                </c:pt>
                <c:pt idx="9490">
                  <c:v>5.1088000000000001E-2</c:v>
                </c:pt>
                <c:pt idx="9491">
                  <c:v>5.1083000000000003E-2</c:v>
                </c:pt>
                <c:pt idx="9492">
                  <c:v>5.1077999999999998E-2</c:v>
                </c:pt>
                <c:pt idx="9493">
                  <c:v>5.1071999999999999E-2</c:v>
                </c:pt>
                <c:pt idx="9494">
                  <c:v>5.1067000000000001E-2</c:v>
                </c:pt>
                <c:pt idx="9495">
                  <c:v>5.1062000000000003E-2</c:v>
                </c:pt>
                <c:pt idx="9496">
                  <c:v>5.1055999999999997E-2</c:v>
                </c:pt>
                <c:pt idx="9497">
                  <c:v>5.1050999999999999E-2</c:v>
                </c:pt>
                <c:pt idx="9498">
                  <c:v>5.1046000000000001E-2</c:v>
                </c:pt>
                <c:pt idx="9499">
                  <c:v>5.1040000000000002E-2</c:v>
                </c:pt>
                <c:pt idx="9500">
                  <c:v>5.1034999999999997E-2</c:v>
                </c:pt>
                <c:pt idx="9501">
                  <c:v>5.1029999999999999E-2</c:v>
                </c:pt>
                <c:pt idx="9502">
                  <c:v>5.1024E-2</c:v>
                </c:pt>
                <c:pt idx="9503">
                  <c:v>5.1019000000000002E-2</c:v>
                </c:pt>
                <c:pt idx="9504">
                  <c:v>5.1013999999999997E-2</c:v>
                </c:pt>
                <c:pt idx="9505">
                  <c:v>5.1007999999999998E-2</c:v>
                </c:pt>
                <c:pt idx="9506">
                  <c:v>5.1003E-2</c:v>
                </c:pt>
                <c:pt idx="9507">
                  <c:v>5.0998000000000002E-2</c:v>
                </c:pt>
                <c:pt idx="9508">
                  <c:v>5.0992000000000003E-2</c:v>
                </c:pt>
                <c:pt idx="9509">
                  <c:v>5.0986999999999998E-2</c:v>
                </c:pt>
                <c:pt idx="9510">
                  <c:v>5.0982E-2</c:v>
                </c:pt>
                <c:pt idx="9511">
                  <c:v>5.0976E-2</c:v>
                </c:pt>
                <c:pt idx="9512">
                  <c:v>5.0971000000000002E-2</c:v>
                </c:pt>
                <c:pt idx="9513">
                  <c:v>5.0965999999999997E-2</c:v>
                </c:pt>
                <c:pt idx="9514">
                  <c:v>5.0959999999999998E-2</c:v>
                </c:pt>
                <c:pt idx="9515">
                  <c:v>5.0955E-2</c:v>
                </c:pt>
                <c:pt idx="9516">
                  <c:v>5.0950000000000002E-2</c:v>
                </c:pt>
                <c:pt idx="9517">
                  <c:v>5.0944000000000003E-2</c:v>
                </c:pt>
                <c:pt idx="9518">
                  <c:v>5.0938999999999998E-2</c:v>
                </c:pt>
                <c:pt idx="9519">
                  <c:v>5.0934E-2</c:v>
                </c:pt>
                <c:pt idx="9520">
                  <c:v>5.0928000000000001E-2</c:v>
                </c:pt>
                <c:pt idx="9521">
                  <c:v>5.0923000000000003E-2</c:v>
                </c:pt>
                <c:pt idx="9522">
                  <c:v>5.0917999999999998E-2</c:v>
                </c:pt>
                <c:pt idx="9523">
                  <c:v>5.0911999999999999E-2</c:v>
                </c:pt>
                <c:pt idx="9524">
                  <c:v>5.0907000000000001E-2</c:v>
                </c:pt>
                <c:pt idx="9525">
                  <c:v>5.0902000000000003E-2</c:v>
                </c:pt>
                <c:pt idx="9526">
                  <c:v>5.0895999999999997E-2</c:v>
                </c:pt>
                <c:pt idx="9527">
                  <c:v>5.0890999999999999E-2</c:v>
                </c:pt>
                <c:pt idx="9528">
                  <c:v>5.0886000000000001E-2</c:v>
                </c:pt>
                <c:pt idx="9529">
                  <c:v>5.0880000000000002E-2</c:v>
                </c:pt>
                <c:pt idx="9530">
                  <c:v>5.0874999999999997E-2</c:v>
                </c:pt>
                <c:pt idx="9531">
                  <c:v>5.0869999999999999E-2</c:v>
                </c:pt>
                <c:pt idx="9532">
                  <c:v>5.0865E-2</c:v>
                </c:pt>
                <c:pt idx="9533">
                  <c:v>5.0859000000000001E-2</c:v>
                </c:pt>
                <c:pt idx="9534">
                  <c:v>5.0854000000000003E-2</c:v>
                </c:pt>
                <c:pt idx="9535">
                  <c:v>5.0848999999999998E-2</c:v>
                </c:pt>
                <c:pt idx="9536">
                  <c:v>5.0842999999999999E-2</c:v>
                </c:pt>
                <c:pt idx="9537">
                  <c:v>5.0838000000000001E-2</c:v>
                </c:pt>
                <c:pt idx="9538">
                  <c:v>5.0833000000000003E-2</c:v>
                </c:pt>
                <c:pt idx="9539">
                  <c:v>5.0826999999999997E-2</c:v>
                </c:pt>
                <c:pt idx="9540">
                  <c:v>5.0821999999999999E-2</c:v>
                </c:pt>
                <c:pt idx="9541">
                  <c:v>5.0817000000000001E-2</c:v>
                </c:pt>
                <c:pt idx="9542">
                  <c:v>5.0812000000000003E-2</c:v>
                </c:pt>
                <c:pt idx="9543">
                  <c:v>5.0805999999999997E-2</c:v>
                </c:pt>
                <c:pt idx="9544">
                  <c:v>5.0800999999999999E-2</c:v>
                </c:pt>
                <c:pt idx="9545">
                  <c:v>5.0796000000000001E-2</c:v>
                </c:pt>
                <c:pt idx="9546">
                  <c:v>5.0790000000000002E-2</c:v>
                </c:pt>
                <c:pt idx="9547">
                  <c:v>5.0784999999999997E-2</c:v>
                </c:pt>
                <c:pt idx="9548">
                  <c:v>5.0779999999999999E-2</c:v>
                </c:pt>
                <c:pt idx="9549">
                  <c:v>5.0774E-2</c:v>
                </c:pt>
                <c:pt idx="9550">
                  <c:v>5.0769000000000002E-2</c:v>
                </c:pt>
                <c:pt idx="9551">
                  <c:v>5.0763999999999997E-2</c:v>
                </c:pt>
                <c:pt idx="9552">
                  <c:v>5.0758999999999999E-2</c:v>
                </c:pt>
                <c:pt idx="9553">
                  <c:v>5.0753E-2</c:v>
                </c:pt>
                <c:pt idx="9554">
                  <c:v>5.0748000000000001E-2</c:v>
                </c:pt>
                <c:pt idx="9555">
                  <c:v>5.0743000000000003E-2</c:v>
                </c:pt>
                <c:pt idx="9556">
                  <c:v>5.0737999999999998E-2</c:v>
                </c:pt>
                <c:pt idx="9557">
                  <c:v>5.0731999999999999E-2</c:v>
                </c:pt>
                <c:pt idx="9558">
                  <c:v>5.0727000000000001E-2</c:v>
                </c:pt>
                <c:pt idx="9559">
                  <c:v>5.0722000000000003E-2</c:v>
                </c:pt>
                <c:pt idx="9560">
                  <c:v>5.0715999999999997E-2</c:v>
                </c:pt>
                <c:pt idx="9561">
                  <c:v>5.0710999999999999E-2</c:v>
                </c:pt>
                <c:pt idx="9562">
                  <c:v>5.0706000000000001E-2</c:v>
                </c:pt>
                <c:pt idx="9563">
                  <c:v>5.0701000000000003E-2</c:v>
                </c:pt>
                <c:pt idx="9564">
                  <c:v>5.0694999999999997E-2</c:v>
                </c:pt>
                <c:pt idx="9565">
                  <c:v>5.0689999999999999E-2</c:v>
                </c:pt>
                <c:pt idx="9566">
                  <c:v>5.0685000000000001E-2</c:v>
                </c:pt>
                <c:pt idx="9567">
                  <c:v>5.0680000000000003E-2</c:v>
                </c:pt>
                <c:pt idx="9568">
                  <c:v>5.0673999999999997E-2</c:v>
                </c:pt>
                <c:pt idx="9569">
                  <c:v>5.0668999999999999E-2</c:v>
                </c:pt>
                <c:pt idx="9570">
                  <c:v>5.0664000000000001E-2</c:v>
                </c:pt>
                <c:pt idx="9571">
                  <c:v>5.0658000000000002E-2</c:v>
                </c:pt>
                <c:pt idx="9572">
                  <c:v>5.0652999999999997E-2</c:v>
                </c:pt>
                <c:pt idx="9573">
                  <c:v>5.0647999999999999E-2</c:v>
                </c:pt>
                <c:pt idx="9574">
                  <c:v>5.0643000000000001E-2</c:v>
                </c:pt>
                <c:pt idx="9575">
                  <c:v>5.0637000000000001E-2</c:v>
                </c:pt>
                <c:pt idx="9576">
                  <c:v>5.0632000000000003E-2</c:v>
                </c:pt>
                <c:pt idx="9577">
                  <c:v>5.0626999999999998E-2</c:v>
                </c:pt>
                <c:pt idx="9578">
                  <c:v>5.0622E-2</c:v>
                </c:pt>
                <c:pt idx="9579">
                  <c:v>5.0616000000000001E-2</c:v>
                </c:pt>
                <c:pt idx="9580">
                  <c:v>5.0611000000000003E-2</c:v>
                </c:pt>
                <c:pt idx="9581">
                  <c:v>5.0605999999999998E-2</c:v>
                </c:pt>
                <c:pt idx="9582">
                  <c:v>5.0601E-2</c:v>
                </c:pt>
                <c:pt idx="9583">
                  <c:v>5.0595000000000001E-2</c:v>
                </c:pt>
                <c:pt idx="9584">
                  <c:v>5.0590000000000003E-2</c:v>
                </c:pt>
                <c:pt idx="9585">
                  <c:v>5.0584999999999998E-2</c:v>
                </c:pt>
                <c:pt idx="9586">
                  <c:v>5.058E-2</c:v>
                </c:pt>
                <c:pt idx="9587">
                  <c:v>5.0574000000000001E-2</c:v>
                </c:pt>
                <c:pt idx="9588">
                  <c:v>5.0569000000000003E-2</c:v>
                </c:pt>
                <c:pt idx="9589">
                  <c:v>5.0563999999999998E-2</c:v>
                </c:pt>
                <c:pt idx="9590">
                  <c:v>5.0559E-2</c:v>
                </c:pt>
                <c:pt idx="9591">
                  <c:v>5.0553000000000001E-2</c:v>
                </c:pt>
                <c:pt idx="9592">
                  <c:v>5.0548000000000003E-2</c:v>
                </c:pt>
                <c:pt idx="9593">
                  <c:v>5.0542999999999998E-2</c:v>
                </c:pt>
                <c:pt idx="9594">
                  <c:v>5.0538E-2</c:v>
                </c:pt>
                <c:pt idx="9595">
                  <c:v>5.0532000000000001E-2</c:v>
                </c:pt>
                <c:pt idx="9596">
                  <c:v>5.0527000000000002E-2</c:v>
                </c:pt>
                <c:pt idx="9597">
                  <c:v>5.0521999999999997E-2</c:v>
                </c:pt>
                <c:pt idx="9598">
                  <c:v>5.0516999999999999E-2</c:v>
                </c:pt>
                <c:pt idx="9599">
                  <c:v>5.0512000000000001E-2</c:v>
                </c:pt>
                <c:pt idx="9600">
                  <c:v>5.0506000000000002E-2</c:v>
                </c:pt>
                <c:pt idx="9601">
                  <c:v>5.0500999999999997E-2</c:v>
                </c:pt>
                <c:pt idx="9602">
                  <c:v>5.0495999999999999E-2</c:v>
                </c:pt>
                <c:pt idx="9603">
                  <c:v>5.0491000000000001E-2</c:v>
                </c:pt>
                <c:pt idx="9604">
                  <c:v>5.0485000000000002E-2</c:v>
                </c:pt>
                <c:pt idx="9605">
                  <c:v>5.0479999999999997E-2</c:v>
                </c:pt>
                <c:pt idx="9606">
                  <c:v>5.0474999999999999E-2</c:v>
                </c:pt>
                <c:pt idx="9607">
                  <c:v>5.0470000000000001E-2</c:v>
                </c:pt>
                <c:pt idx="9608">
                  <c:v>5.0464000000000002E-2</c:v>
                </c:pt>
                <c:pt idx="9609">
                  <c:v>5.0458999999999997E-2</c:v>
                </c:pt>
                <c:pt idx="9610">
                  <c:v>5.0453999999999999E-2</c:v>
                </c:pt>
                <c:pt idx="9611">
                  <c:v>5.0449000000000001E-2</c:v>
                </c:pt>
                <c:pt idx="9612">
                  <c:v>5.0444000000000003E-2</c:v>
                </c:pt>
                <c:pt idx="9613">
                  <c:v>5.0437999999999997E-2</c:v>
                </c:pt>
                <c:pt idx="9614">
                  <c:v>5.0432999999999999E-2</c:v>
                </c:pt>
                <c:pt idx="9615">
                  <c:v>5.0428000000000001E-2</c:v>
                </c:pt>
                <c:pt idx="9616">
                  <c:v>5.0423000000000003E-2</c:v>
                </c:pt>
                <c:pt idx="9617">
                  <c:v>5.0416999999999997E-2</c:v>
                </c:pt>
                <c:pt idx="9618">
                  <c:v>5.0411999999999998E-2</c:v>
                </c:pt>
                <c:pt idx="9619">
                  <c:v>5.0407E-2</c:v>
                </c:pt>
                <c:pt idx="9620">
                  <c:v>5.0402000000000002E-2</c:v>
                </c:pt>
                <c:pt idx="9621">
                  <c:v>5.0396999999999997E-2</c:v>
                </c:pt>
                <c:pt idx="9622">
                  <c:v>5.0390999999999998E-2</c:v>
                </c:pt>
                <c:pt idx="9623">
                  <c:v>5.0386E-2</c:v>
                </c:pt>
                <c:pt idx="9624">
                  <c:v>5.0381000000000002E-2</c:v>
                </c:pt>
                <c:pt idx="9625">
                  <c:v>5.0375999999999997E-2</c:v>
                </c:pt>
                <c:pt idx="9626">
                  <c:v>5.0370999999999999E-2</c:v>
                </c:pt>
                <c:pt idx="9627">
                  <c:v>5.0365E-2</c:v>
                </c:pt>
                <c:pt idx="9628">
                  <c:v>5.0360000000000002E-2</c:v>
                </c:pt>
                <c:pt idx="9629">
                  <c:v>5.0354999999999997E-2</c:v>
                </c:pt>
                <c:pt idx="9630">
                  <c:v>5.0349999999999999E-2</c:v>
                </c:pt>
                <c:pt idx="9631">
                  <c:v>5.0345000000000001E-2</c:v>
                </c:pt>
                <c:pt idx="9632">
                  <c:v>5.0339000000000002E-2</c:v>
                </c:pt>
                <c:pt idx="9633">
                  <c:v>5.0333999999999997E-2</c:v>
                </c:pt>
                <c:pt idx="9634">
                  <c:v>5.0328999999999999E-2</c:v>
                </c:pt>
                <c:pt idx="9635">
                  <c:v>5.0324000000000001E-2</c:v>
                </c:pt>
                <c:pt idx="9636">
                  <c:v>5.0319000000000003E-2</c:v>
                </c:pt>
                <c:pt idx="9637">
                  <c:v>5.0312999999999997E-2</c:v>
                </c:pt>
                <c:pt idx="9638">
                  <c:v>5.0307999999999999E-2</c:v>
                </c:pt>
                <c:pt idx="9639">
                  <c:v>5.0303E-2</c:v>
                </c:pt>
                <c:pt idx="9640">
                  <c:v>5.0298000000000002E-2</c:v>
                </c:pt>
                <c:pt idx="9641">
                  <c:v>5.0292999999999997E-2</c:v>
                </c:pt>
                <c:pt idx="9642">
                  <c:v>5.0286999999999998E-2</c:v>
                </c:pt>
                <c:pt idx="9643">
                  <c:v>5.0282E-2</c:v>
                </c:pt>
                <c:pt idx="9644">
                  <c:v>5.0277000000000002E-2</c:v>
                </c:pt>
                <c:pt idx="9645">
                  <c:v>5.0271999999999997E-2</c:v>
                </c:pt>
                <c:pt idx="9646">
                  <c:v>5.0266999999999999E-2</c:v>
                </c:pt>
                <c:pt idx="9647">
                  <c:v>5.0262000000000001E-2</c:v>
                </c:pt>
                <c:pt idx="9648">
                  <c:v>5.0256000000000002E-2</c:v>
                </c:pt>
                <c:pt idx="9649">
                  <c:v>5.0250999999999997E-2</c:v>
                </c:pt>
                <c:pt idx="9650">
                  <c:v>5.0245999999999999E-2</c:v>
                </c:pt>
                <c:pt idx="9651">
                  <c:v>5.0241000000000001E-2</c:v>
                </c:pt>
                <c:pt idx="9652">
                  <c:v>5.0236000000000003E-2</c:v>
                </c:pt>
                <c:pt idx="9653">
                  <c:v>5.0230999999999998E-2</c:v>
                </c:pt>
                <c:pt idx="9654">
                  <c:v>5.0224999999999999E-2</c:v>
                </c:pt>
                <c:pt idx="9655">
                  <c:v>5.0220000000000001E-2</c:v>
                </c:pt>
                <c:pt idx="9656">
                  <c:v>5.0215000000000003E-2</c:v>
                </c:pt>
                <c:pt idx="9657">
                  <c:v>5.0209999999999998E-2</c:v>
                </c:pt>
                <c:pt idx="9658">
                  <c:v>5.0205E-2</c:v>
                </c:pt>
                <c:pt idx="9659">
                  <c:v>5.0199000000000001E-2</c:v>
                </c:pt>
                <c:pt idx="9660">
                  <c:v>5.0194000000000003E-2</c:v>
                </c:pt>
                <c:pt idx="9661">
                  <c:v>5.0188999999999998E-2</c:v>
                </c:pt>
                <c:pt idx="9662">
                  <c:v>5.0183999999999999E-2</c:v>
                </c:pt>
                <c:pt idx="9663">
                  <c:v>5.0179000000000001E-2</c:v>
                </c:pt>
                <c:pt idx="9664">
                  <c:v>5.0174000000000003E-2</c:v>
                </c:pt>
                <c:pt idx="9665">
                  <c:v>5.0167999999999997E-2</c:v>
                </c:pt>
                <c:pt idx="9666">
                  <c:v>5.0162999999999999E-2</c:v>
                </c:pt>
                <c:pt idx="9667">
                  <c:v>5.0158000000000001E-2</c:v>
                </c:pt>
                <c:pt idx="9668">
                  <c:v>5.0153000000000003E-2</c:v>
                </c:pt>
                <c:pt idx="9669">
                  <c:v>5.0147999999999998E-2</c:v>
                </c:pt>
                <c:pt idx="9670">
                  <c:v>5.0143E-2</c:v>
                </c:pt>
                <c:pt idx="9671">
                  <c:v>5.0138000000000002E-2</c:v>
                </c:pt>
                <c:pt idx="9672">
                  <c:v>5.0132000000000003E-2</c:v>
                </c:pt>
                <c:pt idx="9673">
                  <c:v>5.0126999999999998E-2</c:v>
                </c:pt>
                <c:pt idx="9674">
                  <c:v>5.0122E-2</c:v>
                </c:pt>
                <c:pt idx="9675">
                  <c:v>5.0117000000000002E-2</c:v>
                </c:pt>
                <c:pt idx="9676">
                  <c:v>5.0111999999999997E-2</c:v>
                </c:pt>
                <c:pt idx="9677">
                  <c:v>5.0106999999999999E-2</c:v>
                </c:pt>
                <c:pt idx="9678">
                  <c:v>5.0101E-2</c:v>
                </c:pt>
                <c:pt idx="9679">
                  <c:v>5.0096000000000002E-2</c:v>
                </c:pt>
                <c:pt idx="9680">
                  <c:v>5.0090999999999997E-2</c:v>
                </c:pt>
                <c:pt idx="9681">
                  <c:v>5.0085999999999999E-2</c:v>
                </c:pt>
                <c:pt idx="9682">
                  <c:v>5.0081000000000001E-2</c:v>
                </c:pt>
                <c:pt idx="9683">
                  <c:v>5.0076000000000002E-2</c:v>
                </c:pt>
                <c:pt idx="9684">
                  <c:v>5.0070999999999997E-2</c:v>
                </c:pt>
                <c:pt idx="9685">
                  <c:v>5.0064999999999998E-2</c:v>
                </c:pt>
                <c:pt idx="9686">
                  <c:v>5.006E-2</c:v>
                </c:pt>
                <c:pt idx="9687">
                  <c:v>5.0055000000000002E-2</c:v>
                </c:pt>
                <c:pt idx="9688">
                  <c:v>5.0049999999999997E-2</c:v>
                </c:pt>
                <c:pt idx="9689">
                  <c:v>5.0044999999999999E-2</c:v>
                </c:pt>
                <c:pt idx="9690">
                  <c:v>5.0040000000000001E-2</c:v>
                </c:pt>
                <c:pt idx="9691">
                  <c:v>5.0035000000000003E-2</c:v>
                </c:pt>
                <c:pt idx="9692">
                  <c:v>5.0029999999999998E-2</c:v>
                </c:pt>
                <c:pt idx="9693">
                  <c:v>5.0023999999999999E-2</c:v>
                </c:pt>
                <c:pt idx="9694">
                  <c:v>5.0019000000000001E-2</c:v>
                </c:pt>
                <c:pt idx="9695">
                  <c:v>5.0014000000000003E-2</c:v>
                </c:pt>
                <c:pt idx="9696">
                  <c:v>5.0008999999999998E-2</c:v>
                </c:pt>
                <c:pt idx="9697">
                  <c:v>5.0004E-2</c:v>
                </c:pt>
                <c:pt idx="9698">
                  <c:v>4.9999000000000002E-2</c:v>
                </c:pt>
                <c:pt idx="9699">
                  <c:v>4.9993999999999997E-2</c:v>
                </c:pt>
                <c:pt idx="9700">
                  <c:v>4.9987999999999998E-2</c:v>
                </c:pt>
                <c:pt idx="9701">
                  <c:v>4.9983E-2</c:v>
                </c:pt>
                <c:pt idx="9702">
                  <c:v>4.9978000000000002E-2</c:v>
                </c:pt>
                <c:pt idx="9703">
                  <c:v>4.9972999999999997E-2</c:v>
                </c:pt>
                <c:pt idx="9704">
                  <c:v>4.9967999999999999E-2</c:v>
                </c:pt>
                <c:pt idx="9705">
                  <c:v>4.9963E-2</c:v>
                </c:pt>
                <c:pt idx="9706">
                  <c:v>4.9958000000000002E-2</c:v>
                </c:pt>
                <c:pt idx="9707">
                  <c:v>4.9952999999999997E-2</c:v>
                </c:pt>
                <c:pt idx="9708">
                  <c:v>4.9947999999999999E-2</c:v>
                </c:pt>
                <c:pt idx="9709">
                  <c:v>4.9942E-2</c:v>
                </c:pt>
                <c:pt idx="9710">
                  <c:v>4.9937000000000002E-2</c:v>
                </c:pt>
                <c:pt idx="9711">
                  <c:v>4.9931999999999997E-2</c:v>
                </c:pt>
                <c:pt idx="9712">
                  <c:v>4.9926999999999999E-2</c:v>
                </c:pt>
                <c:pt idx="9713">
                  <c:v>4.9922000000000001E-2</c:v>
                </c:pt>
                <c:pt idx="9714">
                  <c:v>4.9917000000000003E-2</c:v>
                </c:pt>
                <c:pt idx="9715">
                  <c:v>4.9911999999999998E-2</c:v>
                </c:pt>
                <c:pt idx="9716">
                  <c:v>4.9907E-2</c:v>
                </c:pt>
                <c:pt idx="9717">
                  <c:v>4.9902000000000002E-2</c:v>
                </c:pt>
                <c:pt idx="9718">
                  <c:v>4.9896000000000003E-2</c:v>
                </c:pt>
                <c:pt idx="9719">
                  <c:v>4.9890999999999998E-2</c:v>
                </c:pt>
                <c:pt idx="9720">
                  <c:v>4.9886E-2</c:v>
                </c:pt>
                <c:pt idx="9721">
                  <c:v>4.9881000000000002E-2</c:v>
                </c:pt>
                <c:pt idx="9722">
                  <c:v>4.9875999999999997E-2</c:v>
                </c:pt>
                <c:pt idx="9723">
                  <c:v>4.9870999999999999E-2</c:v>
                </c:pt>
                <c:pt idx="9724">
                  <c:v>4.9866000000000001E-2</c:v>
                </c:pt>
                <c:pt idx="9725">
                  <c:v>4.9861000000000003E-2</c:v>
                </c:pt>
                <c:pt idx="9726">
                  <c:v>4.9855999999999998E-2</c:v>
                </c:pt>
                <c:pt idx="9727">
                  <c:v>4.9849999999999998E-2</c:v>
                </c:pt>
                <c:pt idx="9728">
                  <c:v>4.9845E-2</c:v>
                </c:pt>
                <c:pt idx="9729">
                  <c:v>4.9840000000000002E-2</c:v>
                </c:pt>
                <c:pt idx="9730">
                  <c:v>4.9834999999999997E-2</c:v>
                </c:pt>
                <c:pt idx="9731">
                  <c:v>4.9829999999999999E-2</c:v>
                </c:pt>
                <c:pt idx="9732">
                  <c:v>4.9825000000000001E-2</c:v>
                </c:pt>
                <c:pt idx="9733">
                  <c:v>4.9820000000000003E-2</c:v>
                </c:pt>
                <c:pt idx="9734">
                  <c:v>4.9814999999999998E-2</c:v>
                </c:pt>
                <c:pt idx="9735">
                  <c:v>4.981E-2</c:v>
                </c:pt>
                <c:pt idx="9736">
                  <c:v>4.9805000000000002E-2</c:v>
                </c:pt>
                <c:pt idx="9737">
                  <c:v>4.9799999999999997E-2</c:v>
                </c:pt>
                <c:pt idx="9738">
                  <c:v>4.9793999999999998E-2</c:v>
                </c:pt>
                <c:pt idx="9739">
                  <c:v>4.9789E-2</c:v>
                </c:pt>
                <c:pt idx="9740">
                  <c:v>4.9784000000000002E-2</c:v>
                </c:pt>
                <c:pt idx="9741">
                  <c:v>4.9778999999999997E-2</c:v>
                </c:pt>
                <c:pt idx="9742">
                  <c:v>4.9773999999999999E-2</c:v>
                </c:pt>
                <c:pt idx="9743">
                  <c:v>4.9769000000000001E-2</c:v>
                </c:pt>
                <c:pt idx="9744">
                  <c:v>4.9764000000000003E-2</c:v>
                </c:pt>
                <c:pt idx="9745">
                  <c:v>4.9758999999999998E-2</c:v>
                </c:pt>
                <c:pt idx="9746">
                  <c:v>4.9754E-2</c:v>
                </c:pt>
                <c:pt idx="9747">
                  <c:v>4.9749000000000002E-2</c:v>
                </c:pt>
                <c:pt idx="9748">
                  <c:v>4.9743999999999997E-2</c:v>
                </c:pt>
                <c:pt idx="9749">
                  <c:v>4.9738999999999998E-2</c:v>
                </c:pt>
                <c:pt idx="9750">
                  <c:v>4.9734E-2</c:v>
                </c:pt>
                <c:pt idx="9751">
                  <c:v>4.9728000000000001E-2</c:v>
                </c:pt>
                <c:pt idx="9752">
                  <c:v>4.9723000000000003E-2</c:v>
                </c:pt>
                <c:pt idx="9753">
                  <c:v>4.9717999999999998E-2</c:v>
                </c:pt>
                <c:pt idx="9754">
                  <c:v>4.9713E-2</c:v>
                </c:pt>
                <c:pt idx="9755">
                  <c:v>4.9708000000000002E-2</c:v>
                </c:pt>
                <c:pt idx="9756">
                  <c:v>4.9702999999999997E-2</c:v>
                </c:pt>
                <c:pt idx="9757">
                  <c:v>4.9697999999999999E-2</c:v>
                </c:pt>
                <c:pt idx="9758">
                  <c:v>4.9693000000000001E-2</c:v>
                </c:pt>
                <c:pt idx="9759">
                  <c:v>4.9688000000000003E-2</c:v>
                </c:pt>
                <c:pt idx="9760">
                  <c:v>4.9682999999999998E-2</c:v>
                </c:pt>
                <c:pt idx="9761">
                  <c:v>4.9678E-2</c:v>
                </c:pt>
                <c:pt idx="9762">
                  <c:v>4.9673000000000002E-2</c:v>
                </c:pt>
                <c:pt idx="9763">
                  <c:v>4.9667999999999997E-2</c:v>
                </c:pt>
                <c:pt idx="9764">
                  <c:v>4.9662999999999999E-2</c:v>
                </c:pt>
                <c:pt idx="9765">
                  <c:v>4.9658000000000001E-2</c:v>
                </c:pt>
                <c:pt idx="9766">
                  <c:v>4.9653000000000003E-2</c:v>
                </c:pt>
                <c:pt idx="9767">
                  <c:v>4.9646999999999997E-2</c:v>
                </c:pt>
                <c:pt idx="9768">
                  <c:v>4.9641999999999999E-2</c:v>
                </c:pt>
                <c:pt idx="9769">
                  <c:v>4.9637000000000001E-2</c:v>
                </c:pt>
                <c:pt idx="9770">
                  <c:v>4.9632000000000003E-2</c:v>
                </c:pt>
                <c:pt idx="9771">
                  <c:v>4.9626999999999998E-2</c:v>
                </c:pt>
                <c:pt idx="9772">
                  <c:v>4.9621999999999999E-2</c:v>
                </c:pt>
                <c:pt idx="9773">
                  <c:v>4.9617000000000001E-2</c:v>
                </c:pt>
                <c:pt idx="9774">
                  <c:v>4.9612000000000003E-2</c:v>
                </c:pt>
                <c:pt idx="9775">
                  <c:v>4.9606999999999998E-2</c:v>
                </c:pt>
                <c:pt idx="9776">
                  <c:v>4.9602E-2</c:v>
                </c:pt>
                <c:pt idx="9777">
                  <c:v>4.9597000000000002E-2</c:v>
                </c:pt>
                <c:pt idx="9778">
                  <c:v>4.9591999999999997E-2</c:v>
                </c:pt>
                <c:pt idx="9779">
                  <c:v>4.9586999999999999E-2</c:v>
                </c:pt>
                <c:pt idx="9780">
                  <c:v>4.9582000000000001E-2</c:v>
                </c:pt>
                <c:pt idx="9781">
                  <c:v>4.9577000000000003E-2</c:v>
                </c:pt>
                <c:pt idx="9782">
                  <c:v>4.9571999999999998E-2</c:v>
                </c:pt>
                <c:pt idx="9783">
                  <c:v>4.9567E-2</c:v>
                </c:pt>
                <c:pt idx="9784">
                  <c:v>4.9562000000000002E-2</c:v>
                </c:pt>
                <c:pt idx="9785">
                  <c:v>4.9556999999999997E-2</c:v>
                </c:pt>
                <c:pt idx="9786">
                  <c:v>4.9551999999999999E-2</c:v>
                </c:pt>
                <c:pt idx="9787">
                  <c:v>4.9547000000000001E-2</c:v>
                </c:pt>
                <c:pt idx="9788">
                  <c:v>4.9542000000000003E-2</c:v>
                </c:pt>
                <c:pt idx="9789">
                  <c:v>4.9536999999999998E-2</c:v>
                </c:pt>
                <c:pt idx="9790">
                  <c:v>4.9530999999999999E-2</c:v>
                </c:pt>
                <c:pt idx="9791">
                  <c:v>4.9526000000000001E-2</c:v>
                </c:pt>
                <c:pt idx="9792">
                  <c:v>4.9521000000000003E-2</c:v>
                </c:pt>
                <c:pt idx="9793">
                  <c:v>4.9515999999999998E-2</c:v>
                </c:pt>
                <c:pt idx="9794">
                  <c:v>4.9510999999999999E-2</c:v>
                </c:pt>
                <c:pt idx="9795">
                  <c:v>4.9506000000000001E-2</c:v>
                </c:pt>
                <c:pt idx="9796">
                  <c:v>4.9501000000000003E-2</c:v>
                </c:pt>
                <c:pt idx="9797">
                  <c:v>4.9495999999999998E-2</c:v>
                </c:pt>
                <c:pt idx="9798">
                  <c:v>4.9491E-2</c:v>
                </c:pt>
                <c:pt idx="9799">
                  <c:v>4.9486000000000002E-2</c:v>
                </c:pt>
                <c:pt idx="9800">
                  <c:v>4.9480999999999997E-2</c:v>
                </c:pt>
                <c:pt idx="9801">
                  <c:v>4.9475999999999999E-2</c:v>
                </c:pt>
                <c:pt idx="9802">
                  <c:v>4.9471000000000001E-2</c:v>
                </c:pt>
                <c:pt idx="9803">
                  <c:v>4.9466000000000003E-2</c:v>
                </c:pt>
                <c:pt idx="9804">
                  <c:v>4.9460999999999998E-2</c:v>
                </c:pt>
                <c:pt idx="9805">
                  <c:v>4.9456E-2</c:v>
                </c:pt>
                <c:pt idx="9806">
                  <c:v>4.9451000000000002E-2</c:v>
                </c:pt>
                <c:pt idx="9807">
                  <c:v>4.9445999999999997E-2</c:v>
                </c:pt>
                <c:pt idx="9808">
                  <c:v>4.9440999999999999E-2</c:v>
                </c:pt>
                <c:pt idx="9809">
                  <c:v>4.9436000000000001E-2</c:v>
                </c:pt>
                <c:pt idx="9810">
                  <c:v>4.9431000000000003E-2</c:v>
                </c:pt>
                <c:pt idx="9811">
                  <c:v>4.9425999999999998E-2</c:v>
                </c:pt>
                <c:pt idx="9812">
                  <c:v>4.9421E-2</c:v>
                </c:pt>
                <c:pt idx="9813">
                  <c:v>4.9416000000000002E-2</c:v>
                </c:pt>
                <c:pt idx="9814">
                  <c:v>4.9410999999999997E-2</c:v>
                </c:pt>
                <c:pt idx="9815">
                  <c:v>4.9405999999999999E-2</c:v>
                </c:pt>
                <c:pt idx="9816">
                  <c:v>4.9401E-2</c:v>
                </c:pt>
                <c:pt idx="9817">
                  <c:v>4.9396000000000002E-2</c:v>
                </c:pt>
                <c:pt idx="9818">
                  <c:v>4.9390999999999997E-2</c:v>
                </c:pt>
                <c:pt idx="9819">
                  <c:v>4.9385999999999999E-2</c:v>
                </c:pt>
                <c:pt idx="9820">
                  <c:v>4.9381000000000001E-2</c:v>
                </c:pt>
                <c:pt idx="9821">
                  <c:v>4.9376000000000003E-2</c:v>
                </c:pt>
                <c:pt idx="9822">
                  <c:v>4.9370999999999998E-2</c:v>
                </c:pt>
                <c:pt idx="9823">
                  <c:v>4.9366E-2</c:v>
                </c:pt>
                <c:pt idx="9824">
                  <c:v>4.9361000000000002E-2</c:v>
                </c:pt>
                <c:pt idx="9825">
                  <c:v>4.9355999999999997E-2</c:v>
                </c:pt>
                <c:pt idx="9826">
                  <c:v>4.9350999999999999E-2</c:v>
                </c:pt>
                <c:pt idx="9827">
                  <c:v>4.9346000000000001E-2</c:v>
                </c:pt>
                <c:pt idx="9828">
                  <c:v>4.9341000000000003E-2</c:v>
                </c:pt>
                <c:pt idx="9829">
                  <c:v>4.9335999999999998E-2</c:v>
                </c:pt>
                <c:pt idx="9830">
                  <c:v>4.9331E-2</c:v>
                </c:pt>
                <c:pt idx="9831">
                  <c:v>4.9326000000000002E-2</c:v>
                </c:pt>
                <c:pt idx="9832">
                  <c:v>4.9320999999999997E-2</c:v>
                </c:pt>
                <c:pt idx="9833">
                  <c:v>4.9315999999999999E-2</c:v>
                </c:pt>
                <c:pt idx="9834">
                  <c:v>4.9311000000000001E-2</c:v>
                </c:pt>
                <c:pt idx="9835">
                  <c:v>4.9306000000000003E-2</c:v>
                </c:pt>
                <c:pt idx="9836">
                  <c:v>4.9300999999999998E-2</c:v>
                </c:pt>
                <c:pt idx="9837">
                  <c:v>4.9296E-2</c:v>
                </c:pt>
                <c:pt idx="9838">
                  <c:v>4.9291000000000001E-2</c:v>
                </c:pt>
                <c:pt idx="9839">
                  <c:v>4.9286000000000003E-2</c:v>
                </c:pt>
                <c:pt idx="9840">
                  <c:v>4.9280999999999998E-2</c:v>
                </c:pt>
                <c:pt idx="9841">
                  <c:v>4.9276E-2</c:v>
                </c:pt>
                <c:pt idx="9842">
                  <c:v>4.9271000000000002E-2</c:v>
                </c:pt>
                <c:pt idx="9843">
                  <c:v>4.9265999999999997E-2</c:v>
                </c:pt>
                <c:pt idx="9844">
                  <c:v>4.9260999999999999E-2</c:v>
                </c:pt>
                <c:pt idx="9845">
                  <c:v>4.9256000000000001E-2</c:v>
                </c:pt>
                <c:pt idx="9846">
                  <c:v>4.9251000000000003E-2</c:v>
                </c:pt>
                <c:pt idx="9847">
                  <c:v>4.9245999999999998E-2</c:v>
                </c:pt>
                <c:pt idx="9848">
                  <c:v>4.9241E-2</c:v>
                </c:pt>
                <c:pt idx="9849">
                  <c:v>4.9236000000000002E-2</c:v>
                </c:pt>
                <c:pt idx="9850">
                  <c:v>4.9230999999999997E-2</c:v>
                </c:pt>
                <c:pt idx="9851">
                  <c:v>4.9225999999999999E-2</c:v>
                </c:pt>
                <c:pt idx="9852">
                  <c:v>4.9221000000000001E-2</c:v>
                </c:pt>
                <c:pt idx="9853">
                  <c:v>4.9216999999999997E-2</c:v>
                </c:pt>
                <c:pt idx="9854">
                  <c:v>4.9211999999999999E-2</c:v>
                </c:pt>
                <c:pt idx="9855">
                  <c:v>4.9207000000000001E-2</c:v>
                </c:pt>
                <c:pt idx="9856">
                  <c:v>4.9202000000000003E-2</c:v>
                </c:pt>
                <c:pt idx="9857">
                  <c:v>4.9196999999999998E-2</c:v>
                </c:pt>
                <c:pt idx="9858">
                  <c:v>4.9192E-2</c:v>
                </c:pt>
                <c:pt idx="9859">
                  <c:v>4.9187000000000002E-2</c:v>
                </c:pt>
                <c:pt idx="9860">
                  <c:v>4.9181999999999997E-2</c:v>
                </c:pt>
                <c:pt idx="9861">
                  <c:v>4.9176999999999998E-2</c:v>
                </c:pt>
                <c:pt idx="9862">
                  <c:v>4.9172E-2</c:v>
                </c:pt>
                <c:pt idx="9863">
                  <c:v>4.9167000000000002E-2</c:v>
                </c:pt>
                <c:pt idx="9864">
                  <c:v>4.9161999999999997E-2</c:v>
                </c:pt>
                <c:pt idx="9865">
                  <c:v>4.9156999999999999E-2</c:v>
                </c:pt>
                <c:pt idx="9866">
                  <c:v>4.9152000000000001E-2</c:v>
                </c:pt>
                <c:pt idx="9867">
                  <c:v>4.9147000000000003E-2</c:v>
                </c:pt>
                <c:pt idx="9868">
                  <c:v>4.9141999999999998E-2</c:v>
                </c:pt>
                <c:pt idx="9869">
                  <c:v>4.9137E-2</c:v>
                </c:pt>
                <c:pt idx="9870">
                  <c:v>4.9132000000000002E-2</c:v>
                </c:pt>
                <c:pt idx="9871">
                  <c:v>4.9126999999999997E-2</c:v>
                </c:pt>
                <c:pt idx="9872">
                  <c:v>4.9121999999999999E-2</c:v>
                </c:pt>
                <c:pt idx="9873">
                  <c:v>4.9117000000000001E-2</c:v>
                </c:pt>
                <c:pt idx="9874">
                  <c:v>4.9112000000000003E-2</c:v>
                </c:pt>
                <c:pt idx="9875">
                  <c:v>4.9106999999999998E-2</c:v>
                </c:pt>
                <c:pt idx="9876">
                  <c:v>4.9103000000000001E-2</c:v>
                </c:pt>
                <c:pt idx="9877">
                  <c:v>4.9098000000000003E-2</c:v>
                </c:pt>
                <c:pt idx="9878">
                  <c:v>4.9092999999999998E-2</c:v>
                </c:pt>
                <c:pt idx="9879">
                  <c:v>4.9088E-2</c:v>
                </c:pt>
                <c:pt idx="9880">
                  <c:v>4.9083000000000002E-2</c:v>
                </c:pt>
                <c:pt idx="9881">
                  <c:v>4.9077999999999997E-2</c:v>
                </c:pt>
                <c:pt idx="9882">
                  <c:v>4.9072999999999999E-2</c:v>
                </c:pt>
                <c:pt idx="9883">
                  <c:v>4.9068000000000001E-2</c:v>
                </c:pt>
                <c:pt idx="9884">
                  <c:v>4.9063000000000002E-2</c:v>
                </c:pt>
                <c:pt idx="9885">
                  <c:v>4.9057999999999997E-2</c:v>
                </c:pt>
                <c:pt idx="9886">
                  <c:v>4.9052999999999999E-2</c:v>
                </c:pt>
                <c:pt idx="9887">
                  <c:v>4.9048000000000001E-2</c:v>
                </c:pt>
                <c:pt idx="9888">
                  <c:v>4.9043000000000003E-2</c:v>
                </c:pt>
                <c:pt idx="9889">
                  <c:v>4.9037999999999998E-2</c:v>
                </c:pt>
                <c:pt idx="9890">
                  <c:v>4.9033E-2</c:v>
                </c:pt>
                <c:pt idx="9891">
                  <c:v>4.9028000000000002E-2</c:v>
                </c:pt>
                <c:pt idx="9892">
                  <c:v>4.9023999999999998E-2</c:v>
                </c:pt>
                <c:pt idx="9893">
                  <c:v>4.9019E-2</c:v>
                </c:pt>
                <c:pt idx="9894">
                  <c:v>4.9014000000000002E-2</c:v>
                </c:pt>
                <c:pt idx="9895">
                  <c:v>4.9008999999999997E-2</c:v>
                </c:pt>
                <c:pt idx="9896">
                  <c:v>4.9003999999999999E-2</c:v>
                </c:pt>
                <c:pt idx="9897">
                  <c:v>4.8999000000000001E-2</c:v>
                </c:pt>
                <c:pt idx="9898">
                  <c:v>4.8994000000000003E-2</c:v>
                </c:pt>
                <c:pt idx="9899">
                  <c:v>4.8988999999999998E-2</c:v>
                </c:pt>
                <c:pt idx="9900">
                  <c:v>4.8984E-2</c:v>
                </c:pt>
                <c:pt idx="9901">
                  <c:v>4.8979000000000002E-2</c:v>
                </c:pt>
                <c:pt idx="9902">
                  <c:v>4.8973999999999997E-2</c:v>
                </c:pt>
                <c:pt idx="9903">
                  <c:v>4.8968999999999999E-2</c:v>
                </c:pt>
                <c:pt idx="9904">
                  <c:v>4.8964000000000001E-2</c:v>
                </c:pt>
                <c:pt idx="9905">
                  <c:v>4.8959999999999997E-2</c:v>
                </c:pt>
                <c:pt idx="9906">
                  <c:v>4.8954999999999999E-2</c:v>
                </c:pt>
                <c:pt idx="9907">
                  <c:v>4.895E-2</c:v>
                </c:pt>
                <c:pt idx="9908">
                  <c:v>4.8945000000000002E-2</c:v>
                </c:pt>
                <c:pt idx="9909">
                  <c:v>4.8939999999999997E-2</c:v>
                </c:pt>
                <c:pt idx="9910">
                  <c:v>4.8934999999999999E-2</c:v>
                </c:pt>
                <c:pt idx="9911">
                  <c:v>4.8930000000000001E-2</c:v>
                </c:pt>
                <c:pt idx="9912">
                  <c:v>4.8925000000000003E-2</c:v>
                </c:pt>
                <c:pt idx="9913">
                  <c:v>4.8919999999999998E-2</c:v>
                </c:pt>
                <c:pt idx="9914">
                  <c:v>4.8915E-2</c:v>
                </c:pt>
                <c:pt idx="9915">
                  <c:v>4.8910000000000002E-2</c:v>
                </c:pt>
                <c:pt idx="9916">
                  <c:v>4.8905999999999998E-2</c:v>
                </c:pt>
                <c:pt idx="9917">
                  <c:v>4.8901E-2</c:v>
                </c:pt>
                <c:pt idx="9918">
                  <c:v>4.8896000000000002E-2</c:v>
                </c:pt>
                <c:pt idx="9919">
                  <c:v>4.8890999999999997E-2</c:v>
                </c:pt>
                <c:pt idx="9920">
                  <c:v>4.8885999999999999E-2</c:v>
                </c:pt>
                <c:pt idx="9921">
                  <c:v>4.8881000000000001E-2</c:v>
                </c:pt>
                <c:pt idx="9922">
                  <c:v>4.8876000000000003E-2</c:v>
                </c:pt>
                <c:pt idx="9923">
                  <c:v>4.8870999999999998E-2</c:v>
                </c:pt>
                <c:pt idx="9924">
                  <c:v>4.8866E-2</c:v>
                </c:pt>
                <c:pt idx="9925">
                  <c:v>4.8861000000000002E-2</c:v>
                </c:pt>
                <c:pt idx="9926">
                  <c:v>4.8856999999999998E-2</c:v>
                </c:pt>
                <c:pt idx="9927">
                  <c:v>4.8852E-2</c:v>
                </c:pt>
                <c:pt idx="9928">
                  <c:v>4.8847000000000002E-2</c:v>
                </c:pt>
                <c:pt idx="9929">
                  <c:v>4.8842000000000003E-2</c:v>
                </c:pt>
                <c:pt idx="9930">
                  <c:v>4.8836999999999998E-2</c:v>
                </c:pt>
                <c:pt idx="9931">
                  <c:v>4.8832E-2</c:v>
                </c:pt>
                <c:pt idx="9932">
                  <c:v>4.8827000000000002E-2</c:v>
                </c:pt>
                <c:pt idx="9933">
                  <c:v>4.8821999999999997E-2</c:v>
                </c:pt>
                <c:pt idx="9934">
                  <c:v>4.8816999999999999E-2</c:v>
                </c:pt>
                <c:pt idx="9935">
                  <c:v>4.8813000000000002E-2</c:v>
                </c:pt>
                <c:pt idx="9936">
                  <c:v>4.8807999999999997E-2</c:v>
                </c:pt>
                <c:pt idx="9937">
                  <c:v>4.8802999999999999E-2</c:v>
                </c:pt>
                <c:pt idx="9938">
                  <c:v>4.8798000000000001E-2</c:v>
                </c:pt>
                <c:pt idx="9939">
                  <c:v>4.8793000000000003E-2</c:v>
                </c:pt>
                <c:pt idx="9940">
                  <c:v>4.8787999999999998E-2</c:v>
                </c:pt>
                <c:pt idx="9941">
                  <c:v>4.8783E-2</c:v>
                </c:pt>
                <c:pt idx="9942">
                  <c:v>4.8778000000000002E-2</c:v>
                </c:pt>
                <c:pt idx="9943">
                  <c:v>4.8772999999999997E-2</c:v>
                </c:pt>
                <c:pt idx="9944">
                  <c:v>4.8769E-2</c:v>
                </c:pt>
                <c:pt idx="9945">
                  <c:v>4.8764000000000002E-2</c:v>
                </c:pt>
                <c:pt idx="9946">
                  <c:v>4.8758999999999997E-2</c:v>
                </c:pt>
                <c:pt idx="9947">
                  <c:v>4.8753999999999999E-2</c:v>
                </c:pt>
                <c:pt idx="9948">
                  <c:v>4.8749000000000001E-2</c:v>
                </c:pt>
                <c:pt idx="9949">
                  <c:v>4.8744000000000003E-2</c:v>
                </c:pt>
                <c:pt idx="9950">
                  <c:v>4.8738999999999998E-2</c:v>
                </c:pt>
                <c:pt idx="9951">
                  <c:v>4.8734E-2</c:v>
                </c:pt>
                <c:pt idx="9952">
                  <c:v>4.8730000000000002E-2</c:v>
                </c:pt>
                <c:pt idx="9953">
                  <c:v>4.8724999999999997E-2</c:v>
                </c:pt>
                <c:pt idx="9954">
                  <c:v>4.8719999999999999E-2</c:v>
                </c:pt>
                <c:pt idx="9955">
                  <c:v>4.8715000000000001E-2</c:v>
                </c:pt>
                <c:pt idx="9956">
                  <c:v>4.8710000000000003E-2</c:v>
                </c:pt>
                <c:pt idx="9957">
                  <c:v>4.8704999999999998E-2</c:v>
                </c:pt>
                <c:pt idx="9958">
                  <c:v>4.87E-2</c:v>
                </c:pt>
                <c:pt idx="9959">
                  <c:v>4.8696000000000003E-2</c:v>
                </c:pt>
                <c:pt idx="9960">
                  <c:v>4.8690999999999998E-2</c:v>
                </c:pt>
                <c:pt idx="9961">
                  <c:v>4.8686E-2</c:v>
                </c:pt>
                <c:pt idx="9962">
                  <c:v>4.8681000000000002E-2</c:v>
                </c:pt>
                <c:pt idx="9963">
                  <c:v>4.8675999999999997E-2</c:v>
                </c:pt>
                <c:pt idx="9964">
                  <c:v>4.8670999999999999E-2</c:v>
                </c:pt>
                <c:pt idx="9965">
                  <c:v>4.8666000000000001E-2</c:v>
                </c:pt>
                <c:pt idx="9966">
                  <c:v>4.8661999999999997E-2</c:v>
                </c:pt>
                <c:pt idx="9967">
                  <c:v>4.8656999999999999E-2</c:v>
                </c:pt>
                <c:pt idx="9968">
                  <c:v>4.8652000000000001E-2</c:v>
                </c:pt>
                <c:pt idx="9969">
                  <c:v>4.8647000000000003E-2</c:v>
                </c:pt>
                <c:pt idx="9970">
                  <c:v>4.8641999999999998E-2</c:v>
                </c:pt>
                <c:pt idx="9971">
                  <c:v>4.8637E-2</c:v>
                </c:pt>
                <c:pt idx="9972">
                  <c:v>4.8632000000000002E-2</c:v>
                </c:pt>
                <c:pt idx="9973">
                  <c:v>4.8627999999999998E-2</c:v>
                </c:pt>
                <c:pt idx="9974">
                  <c:v>4.8623E-2</c:v>
                </c:pt>
                <c:pt idx="9975">
                  <c:v>4.8618000000000001E-2</c:v>
                </c:pt>
                <c:pt idx="9976">
                  <c:v>4.8613000000000003E-2</c:v>
                </c:pt>
                <c:pt idx="9977">
                  <c:v>4.8607999999999998E-2</c:v>
                </c:pt>
                <c:pt idx="9978">
                  <c:v>4.8603E-2</c:v>
                </c:pt>
                <c:pt idx="9979">
                  <c:v>4.8599000000000003E-2</c:v>
                </c:pt>
                <c:pt idx="9980">
                  <c:v>4.8593999999999998E-2</c:v>
                </c:pt>
                <c:pt idx="9981">
                  <c:v>4.8589E-2</c:v>
                </c:pt>
                <c:pt idx="9982">
                  <c:v>4.8584000000000002E-2</c:v>
                </c:pt>
                <c:pt idx="9983">
                  <c:v>4.8578999999999997E-2</c:v>
                </c:pt>
                <c:pt idx="9984">
                  <c:v>4.8573999999999999E-2</c:v>
                </c:pt>
                <c:pt idx="9985">
                  <c:v>4.8569000000000001E-2</c:v>
                </c:pt>
                <c:pt idx="9986">
                  <c:v>4.8564999999999997E-2</c:v>
                </c:pt>
                <c:pt idx="9987">
                  <c:v>4.8559999999999999E-2</c:v>
                </c:pt>
                <c:pt idx="9988">
                  <c:v>4.8555000000000001E-2</c:v>
                </c:pt>
                <c:pt idx="9989">
                  <c:v>4.8550000000000003E-2</c:v>
                </c:pt>
                <c:pt idx="9990">
                  <c:v>4.8544999999999998E-2</c:v>
                </c:pt>
                <c:pt idx="9991">
                  <c:v>4.854E-2</c:v>
                </c:pt>
                <c:pt idx="9992">
                  <c:v>4.8536000000000003E-2</c:v>
                </c:pt>
                <c:pt idx="9993">
                  <c:v>4.8530999999999998E-2</c:v>
                </c:pt>
                <c:pt idx="9994">
                  <c:v>4.8526E-2</c:v>
                </c:pt>
                <c:pt idx="9995">
                  <c:v>4.8521000000000002E-2</c:v>
                </c:pt>
                <c:pt idx="9996">
                  <c:v>4.8515999999999997E-2</c:v>
                </c:pt>
                <c:pt idx="9997">
                  <c:v>4.8510999999999999E-2</c:v>
                </c:pt>
                <c:pt idx="9998">
                  <c:v>4.8507000000000002E-2</c:v>
                </c:pt>
                <c:pt idx="9999">
                  <c:v>4.8502000000000003E-2</c:v>
                </c:pt>
                <c:pt idx="10000">
                  <c:v>4.8496999999999998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899-42CE-BAC7-22A24D0A6A5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47304848"/>
        <c:axId val="243476576"/>
      </c:lineChart>
      <c:catAx>
        <c:axId val="24730484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2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pPr>
            <a:endParaRPr lang="zh-TW"/>
          </a:p>
        </c:txPr>
        <c:crossAx val="243476576"/>
        <c:crosses val="autoZero"/>
        <c:auto val="1"/>
        <c:lblAlgn val="ctr"/>
        <c:lblOffset val="100"/>
        <c:noMultiLvlLbl val="0"/>
      </c:catAx>
      <c:valAx>
        <c:axId val="2434765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2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pPr>
            <a:endParaRPr lang="zh-TW"/>
          </a:p>
        </c:txPr>
        <c:crossAx val="24730484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2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zh-TW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31">
  <cs:axisTitle>
    <cs:lnRef idx="0"/>
    <cs:fillRef idx="0"/>
    <cs:effectRef idx="0"/>
    <cs:fontRef idx="minor">
      <a:schemeClr val="tx2"/>
    </cs:fontRef>
    <cs:defRPr sz="900" b="1" kern="1200"/>
  </cs:axisTitle>
  <cs:categoryAxis>
    <cs:lnRef idx="0"/>
    <cs:fillRef idx="0"/>
    <cs:effectRef idx="0"/>
    <cs:fontRef idx="minor">
      <a:schemeClr val="tx2"/>
    </cs:fontRef>
    <cs:spPr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2"/>
    </cs:fontRef>
    <cs:spPr>
      <a:solidFill>
        <a:schemeClr val="bg1"/>
      </a:solidFill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2"/>
    </cs:fontRef>
    <cs:defRPr sz="900" kern="1200"/>
  </cs:dataLabel>
  <cs:dataLabelCallout>
    <cs:lnRef idx="0"/>
    <cs:fillRef idx="0"/>
    <cs:effectRef idx="0"/>
    <cs:fontRef idx="minor">
      <a:schemeClr val="dk2">
        <a:lumMod val="7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3">
      <cs:styleClr val="auto"/>
    </cs:fillRef>
    <cs:effectRef idx="2"/>
    <cs:fontRef idx="minor">
      <a:schemeClr val="tx2"/>
    </cs:fontRef>
  </cs:dataPoint>
  <cs:dataPoint3D>
    <cs:lnRef idx="0"/>
    <cs:fillRef idx="3">
      <cs:styleClr val="auto"/>
    </cs:fillRef>
    <cs:effectRef idx="2"/>
    <cs:fontRef idx="minor">
      <a:schemeClr val="tx2"/>
    </cs:fontRef>
  </cs:dataPoint3D>
  <cs:dataPointLine>
    <cs:lnRef idx="0">
      <cs:styleClr val="auto"/>
    </cs:lnRef>
    <cs:fillRef idx="3"/>
    <cs:effectRef idx="2"/>
    <cs:fontRef idx="minor">
      <a:schemeClr val="tx2"/>
    </cs:fontRef>
    <cs:spPr>
      <a:ln w="31750" cap="rnd">
        <a:solidFill>
          <a:schemeClr val="phClr"/>
        </a:solidFill>
        <a:round/>
      </a:ln>
    </cs:spPr>
  </cs:dataPointLine>
  <cs:dataPointMarker>
    <cs:lnRef idx="0"/>
    <cs:fillRef idx="3">
      <cs:styleClr val="auto"/>
    </cs:fillRef>
    <cs:effectRef idx="2"/>
    <cs:fontRef idx="minor">
      <a:schemeClr val="tx2"/>
    </cs:fontRef>
    <cs:spPr>
      <a:ln w="12700">
        <a:solidFill>
          <a:schemeClr val="lt2"/>
        </a:solidFill>
        <a:round/>
      </a:ln>
    </cs:spPr>
  </cs:dataPointMarker>
  <cs:dataPointMarkerLayout symbol="circle" size="6"/>
  <cs:dataPointWireframe>
    <cs:lnRef idx="0">
      <cs:styleClr val="auto"/>
    </cs:lnRef>
    <cs:fillRef idx="3"/>
    <cs:effectRef idx="2"/>
    <cs:fontRef idx="minor">
      <a:schemeClr val="tx2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2"/>
    </cs:fontRef>
    <cs:spPr>
      <a:ln w="9525">
        <a:solidFill>
          <a:schemeClr val="tx2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2"/>
    </cs:fontRef>
    <cs:spPr>
      <a:ln w="9525">
        <a:solidFill>
          <a:schemeClr val="tx2">
            <a:lumMod val="60000"/>
            <a:lumOff val="4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tx2"/>
    </cs:fontRef>
    <cs:spPr>
      <a:ln w="9525">
        <a:solidFill>
          <a:schemeClr val="tx2">
            <a:lumMod val="75000"/>
          </a:schemeClr>
        </a:solidFill>
        <a:round/>
      </a:ln>
    </cs:spPr>
  </cs:errorBar>
  <cs:floor>
    <cs:lnRef idx="0"/>
    <cs:fillRef idx="0"/>
    <cs:effectRef idx="0"/>
    <cs:fontRef idx="minor">
      <a:schemeClr val="tx2"/>
    </cs:fontRef>
  </cs:floor>
  <cs:gridlineMajor>
    <cs:lnRef idx="0"/>
    <cs:fillRef idx="0"/>
    <cs:effectRef idx="0"/>
    <cs:fontRef idx="minor">
      <a:schemeClr val="tx2"/>
    </cs:fontRef>
    <cs:spPr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2"/>
    </cs:fontRef>
    <cs:spPr>
      <a:ln>
        <a:solidFill>
          <a:schemeClr val="tx2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tx2"/>
    </cs:fontRef>
    <cs:spPr>
      <a:ln w="9525">
        <a:solidFill>
          <a:schemeClr val="tx2">
            <a:lumMod val="60000"/>
            <a:lumOff val="4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tx2"/>
    </cs:fontRef>
    <cs:spPr>
      <a:ln w="9525">
        <a:solidFill>
          <a:schemeClr val="tx2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2"/>
    </cs:fontRef>
    <cs:defRPr sz="900" kern="1200"/>
  </cs:legend>
  <cs:plotArea>
    <cs:lnRef idx="0"/>
    <cs:fillRef idx="0"/>
    <cs:effectRef idx="0"/>
    <cs:fontRef idx="minor">
      <a:schemeClr val="tx2"/>
    </cs:fontRef>
  </cs:plotArea>
  <cs:plotArea3D>
    <cs:lnRef idx="0"/>
    <cs:fillRef idx="0"/>
    <cs:effectRef idx="0"/>
    <cs:fontRef idx="minor">
      <a:schemeClr val="tx2"/>
    </cs:fontRef>
  </cs:plotArea3D>
  <cs:seriesAxis>
    <cs:lnRef idx="0"/>
    <cs:fillRef idx="0"/>
    <cs:effectRef idx="0"/>
    <cs:fontRef idx="minor">
      <a:schemeClr val="tx2"/>
    </cs:fontRef>
    <cs:spPr>
      <a:ln w="9525" cap="flat" cmpd="sng" algn="ctr">
        <a:solidFill>
          <a:schemeClr val="tx2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2"/>
    </cs:fontRef>
    <cs:spPr>
      <a:ln w="9525">
        <a:solidFill>
          <a:schemeClr val="tx2">
            <a:lumMod val="60000"/>
            <a:lumOff val="40000"/>
          </a:schemeClr>
        </a:solidFill>
        <a:prstDash val="dash"/>
      </a:ln>
    </cs:spPr>
  </cs:seriesLine>
  <cs:title>
    <cs:lnRef idx="0"/>
    <cs:fillRef idx="0"/>
    <cs:effectRef idx="0"/>
    <cs:fontRef idx="minor">
      <a:schemeClr val="tx2"/>
    </cs:fontRef>
    <cs:defRPr sz="1600" b="1" kern="1200"/>
  </cs:title>
  <cs:trendline>
    <cs:lnRef idx="0">
      <cs:styleClr val="auto"/>
    </cs:lnRef>
    <cs:fillRef idx="0"/>
    <cs:effectRef idx="0"/>
    <cs:fontRef idx="minor">
      <a:schemeClr val="tx2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2"/>
    </cs:fontRef>
    <cs:defRPr sz="900" kern="1200"/>
  </cs:trendlineLabel>
  <cs:upBar>
    <cs:lnRef idx="0"/>
    <cs:fillRef idx="0"/>
    <cs:effectRef idx="0"/>
    <cs:fontRef idx="minor">
      <a:schemeClr val="tx2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2"/>
    </cs:fontRef>
    <cs:defRPr sz="900" kern="1200"/>
  </cs:valueAxis>
  <cs:wall>
    <cs:lnRef idx="0"/>
    <cs:fillRef idx="0"/>
    <cs:effectRef idx="0"/>
    <cs:fontRef idx="minor">
      <a:schemeClr val="tx2"/>
    </cs:fontRef>
  </cs:wall>
</cs:chartStyl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104</Words>
  <Characters>594</Characters>
  <Application>Microsoft Office Word</Application>
  <DocSecurity>0</DocSecurity>
  <Lines>4</Lines>
  <Paragraphs>1</Paragraphs>
  <ScaleCrop>false</ScaleCrop>
  <Company/>
  <LinksUpToDate>false</LinksUpToDate>
  <CharactersWithSpaces>6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Yu-Hsin Chuang</dc:creator>
  <cp:keywords/>
  <dc:description/>
  <cp:lastModifiedBy>Peng-Ru Lung</cp:lastModifiedBy>
  <cp:revision>12</cp:revision>
  <cp:lastPrinted>2022-09-27T16:57:00Z</cp:lastPrinted>
  <dcterms:created xsi:type="dcterms:W3CDTF">2022-09-22T16:00:00Z</dcterms:created>
  <dcterms:modified xsi:type="dcterms:W3CDTF">2022-10-03T14:38:00Z</dcterms:modified>
</cp:coreProperties>
</file>